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X:\ユーザ作業用フォルダ\21_経理グループ\32_各年度予算要求\R08年度予算要求関係\20260299_議員説明\"/>
    </mc:Choice>
  </mc:AlternateContent>
  <xr:revisionPtr revIDLastSave="0" documentId="13_ncr:1_{32A23829-6148-47F0-8AC8-DB4B8631223A}" xr6:coauthVersionLast="47" xr6:coauthVersionMax="47" xr10:uidLastSave="{00000000-0000-0000-0000-000000000000}"/>
  <bookViews>
    <workbookView xWindow="24" yWindow="24" windowWidth="23016" windowHeight="12216" xr2:uid="{00000000-000D-0000-FFFF-FFFF00000000}"/>
  </bookViews>
  <sheets>
    <sheet name="予算概要（プレス用）" sheetId="3" r:id="rId1"/>
  </sheets>
  <externalReferences>
    <externalReference r:id="rId2"/>
    <externalReference r:id="rId3"/>
    <externalReference r:id="rId4"/>
  </externalReferences>
  <definedNames>
    <definedName name="_262行目以降">#REF!</definedName>
    <definedName name="_a" hidden="1">'[1]#REF'!$B$9:$B$51</definedName>
    <definedName name="_AF列">#REF!</definedName>
    <definedName name="_Fill" hidden="1">[2]RAK01AD!$B$9:$B$51</definedName>
    <definedName name="_Order1" hidden="1">255</definedName>
    <definedName name="_Order2" hidden="1">255</definedName>
    <definedName name="a">#REF!</definedName>
    <definedName name="D_SYOKUINExcel">#REF!</definedName>
    <definedName name="dその他_教員">6000</definedName>
    <definedName name="dその他_職員">6800</definedName>
    <definedName name="h26確定">#REF!</definedName>
    <definedName name="h29確定">#REF!</definedName>
    <definedName name="print">#REF!</definedName>
    <definedName name="_xlnm.Print_Area" localSheetId="0">'予算概要（プレス用）'!$B$1:$K$60</definedName>
    <definedName name="_xlnm.Print_Area">#REF!</definedName>
    <definedName name="printarea">#REF!</definedName>
    <definedName name="PrintArea2">#REF!</definedName>
    <definedName name="あ">#REF!,#REF!,#REF!,#REF!</definedName>
    <definedName name="その他経費営業外費用金額_1">#REF!</definedName>
    <definedName name="その他経費営業外費用金額_10">#REF!</definedName>
    <definedName name="その他経費営業外費用金額_11">#REF!</definedName>
    <definedName name="その他経費営業外費用金額_12">#REF!</definedName>
    <definedName name="その他経費営業外費用金額_13">#REF!</definedName>
    <definedName name="その他経費営業外費用金額_14">#REF!</definedName>
    <definedName name="その他経費営業外費用金額_15">#REF!</definedName>
    <definedName name="その他経費営業外費用金額_16">#REF!</definedName>
    <definedName name="その他経費営業外費用金額_17">#REF!</definedName>
    <definedName name="その他経費営業外費用金額_18">#REF!</definedName>
    <definedName name="その他経費営業外費用金額_19">#REF!</definedName>
    <definedName name="その他経費営業外費用金額_2">#REF!</definedName>
    <definedName name="その他経費営業外費用金額_20">#REF!</definedName>
    <definedName name="その他経費営業外費用金額_21">#REF!</definedName>
    <definedName name="その他経費営業外費用金額_3">#REF!</definedName>
    <definedName name="その他経費営業外費用金額_4">#REF!</definedName>
    <definedName name="その他経費営業外費用金額_5">#REF!</definedName>
    <definedName name="その他経費営業外費用金額_6">#REF!</definedName>
    <definedName name="その他経費営業外費用金額_7">#REF!</definedName>
    <definedName name="その他経費営業外費用金額_8">#REF!</definedName>
    <definedName name="その他経費営業外費用金額_9">#REF!</definedName>
    <definedName name="その他経費営業外費用税額_1">#REF!</definedName>
    <definedName name="その他経費営業外費用税額_10">#REF!</definedName>
    <definedName name="その他経費営業外費用税額_11">#REF!</definedName>
    <definedName name="その他経費営業外費用税額_12">#REF!</definedName>
    <definedName name="その他経費営業外費用税額_13">#REF!</definedName>
    <definedName name="その他経費営業外費用税額_14">#REF!</definedName>
    <definedName name="その他経費営業外費用税額_15">#REF!</definedName>
    <definedName name="その他経費営業外費用税額_16">#REF!</definedName>
    <definedName name="その他経費営業外費用税額_17">#REF!</definedName>
    <definedName name="その他経費営業外費用税額_18">#REF!</definedName>
    <definedName name="その他経費営業外費用税額_19">#REF!</definedName>
    <definedName name="その他経費営業外費用税額_2">#REF!</definedName>
    <definedName name="その他経費営業外費用税額_20">#REF!</definedName>
    <definedName name="その他経費営業外費用税額_21">#REF!</definedName>
    <definedName name="その他経費営業外費用税額_3">#REF!</definedName>
    <definedName name="その他経費営業外費用税額_4">#REF!</definedName>
    <definedName name="その他経費営業外費用税額_5">#REF!</definedName>
    <definedName name="その他経費営業外費用税額_6">#REF!</definedName>
    <definedName name="その他経費営業外費用税額_7">#REF!</definedName>
    <definedName name="その他経費営業外費用税額_8">#REF!</definedName>
    <definedName name="その他経費営業外費用税額_9">#REF!</definedName>
    <definedName name="その他経費左記以外金額_1">#REF!</definedName>
    <definedName name="その他経費左記以外金額_10">#REF!</definedName>
    <definedName name="その他経費左記以外金額_11">#REF!</definedName>
    <definedName name="その他経費左記以外金額_12">#REF!</definedName>
    <definedName name="その他経費左記以外金額_13">#REF!</definedName>
    <definedName name="その他経費左記以外金額_14">#REF!</definedName>
    <definedName name="その他経費左記以外金額_15">#REF!</definedName>
    <definedName name="その他経費左記以外金額_16">#REF!</definedName>
    <definedName name="その他経費左記以外金額_17">#REF!</definedName>
    <definedName name="その他経費左記以外金額_18">#REF!</definedName>
    <definedName name="その他経費左記以外金額_19">#REF!</definedName>
    <definedName name="その他経費左記以外金額_2">#REF!</definedName>
    <definedName name="その他経費左記以外金額_20">#REF!</definedName>
    <definedName name="その他経費左記以外金額_21">#REF!</definedName>
    <definedName name="その他経費左記以外金額_3">#REF!</definedName>
    <definedName name="その他経費左記以外金額_4">#REF!</definedName>
    <definedName name="その他経費左記以外金額_5">#REF!</definedName>
    <definedName name="その他経費左記以外金額_6">#REF!</definedName>
    <definedName name="その他経費左記以外金額_7">#REF!</definedName>
    <definedName name="その他経費左記以外金額_8">#REF!</definedName>
    <definedName name="その他経費左記以外金額_9">#REF!</definedName>
    <definedName name="その他経費左記以外税額_1">#REF!</definedName>
    <definedName name="その他経費左記以外税額_10">#REF!</definedName>
    <definedName name="その他経費左記以外税額_11">#REF!</definedName>
    <definedName name="その他経費左記以外税額_12">#REF!</definedName>
    <definedName name="その他経費左記以外税額_13">#REF!</definedName>
    <definedName name="その他経費左記以外税額_14">#REF!</definedName>
    <definedName name="その他経費左記以外税額_15">#REF!</definedName>
    <definedName name="その他経費左記以外税額_16">#REF!</definedName>
    <definedName name="その他経費左記以外税額_17">#REF!</definedName>
    <definedName name="その他経費左記以外税額_18">#REF!</definedName>
    <definedName name="その他経費左記以外税額_19">#REF!</definedName>
    <definedName name="その他経費左記以外税額_2">#REF!</definedName>
    <definedName name="その他経費左記以外税額_20">#REF!</definedName>
    <definedName name="その他経費左記以外税額_21">#REF!</definedName>
    <definedName name="その他経費左記以外税額_3">#REF!</definedName>
    <definedName name="その他経費左記以外税額_4">#REF!</definedName>
    <definedName name="その他経費左記以外税額_5">#REF!</definedName>
    <definedName name="その他経費左記以外税額_6">#REF!</definedName>
    <definedName name="その他経費左記以外税額_7">#REF!</definedName>
    <definedName name="その他経費左記以外税額_8">#REF!</definedName>
    <definedName name="その他経費左記以外税額_9">#REF!</definedName>
    <definedName name="その他経費名称_1">#REF!</definedName>
    <definedName name="その他経費名称_10">#REF!</definedName>
    <definedName name="その他経費名称_11">#REF!</definedName>
    <definedName name="その他経費名称_12">#REF!</definedName>
    <definedName name="その他経費名称_13">#REF!</definedName>
    <definedName name="その他経費名称_14">#REF!</definedName>
    <definedName name="その他経費名称_15">#REF!</definedName>
    <definedName name="その他経費名称_16">#REF!</definedName>
    <definedName name="その他経費名称_17">#REF!</definedName>
    <definedName name="その他経費名称_18">#REF!</definedName>
    <definedName name="その他経費名称_19">#REF!</definedName>
    <definedName name="その他経費名称_2">#REF!</definedName>
    <definedName name="その他経費名称_20">#REF!</definedName>
    <definedName name="その他経費名称_21">#REF!</definedName>
    <definedName name="その他経費名称_3">#REF!</definedName>
    <definedName name="その他経費名称_4">#REF!</definedName>
    <definedName name="その他経費名称_5">#REF!</definedName>
    <definedName name="その他経費名称_6">#REF!</definedName>
    <definedName name="その他経費名称_7">#REF!</definedName>
    <definedName name="その他経費名称_8">#REF!</definedName>
    <definedName name="その他経費名称_9">#REF!</definedName>
    <definedName name="ヘッダ出力金額">#REF!</definedName>
    <definedName name="ヘッダ単位">#REF!</definedName>
    <definedName name="ヘッダ年度">#REF!</definedName>
    <definedName name="応募者Q">#REF!</definedName>
    <definedName name="加算_教員">5000</definedName>
    <definedName name="加算_職員">5900</definedName>
    <definedName name="勘定名称_1">#REF!</definedName>
    <definedName name="勘定名称_10">#REF!</definedName>
    <definedName name="勘定名称_11">#REF!</definedName>
    <definedName name="勘定名称_12">#REF!</definedName>
    <definedName name="勘定名称_13">#REF!</definedName>
    <definedName name="勘定名称_14">#REF!</definedName>
    <definedName name="勘定名称_15">#REF!</definedName>
    <definedName name="勘定名称_16">#REF!</definedName>
    <definedName name="勘定名称_17">#REF!</definedName>
    <definedName name="勘定名称_18">#REF!</definedName>
    <definedName name="勘定名称_19">#REF!</definedName>
    <definedName name="勘定名称_2">#REF!</definedName>
    <definedName name="勘定名称_20">#REF!</definedName>
    <definedName name="勘定名称_3">#REF!</definedName>
    <definedName name="勘定名称_4">#REF!</definedName>
    <definedName name="勘定名称_5">#REF!</definedName>
    <definedName name="勘定名称_6">#REF!</definedName>
    <definedName name="勘定名称_7">#REF!</definedName>
    <definedName name="勘定名称_8">#REF!</definedName>
    <definedName name="勘定名称_9">#REF!</definedName>
    <definedName name="基金">#REF!</definedName>
    <definedName name="給与課から">#REF!</definedName>
    <definedName name="局計">#REF!</definedName>
    <definedName name="決見">#REF!</definedName>
    <definedName name="見出し営業費用目名称０１">#REF!</definedName>
    <definedName name="見出し営業費用目名称０２">#REF!</definedName>
    <definedName name="見出し営業費用目名称０３">#REF!</definedName>
    <definedName name="見出し営業費用目名称０４">#REF!</definedName>
    <definedName name="見出し営業費用目名称０５">#REF!</definedName>
    <definedName name="見出し営業費用目名称０６">#REF!</definedName>
    <definedName name="見出し営業費用目名称０７">#REF!</definedName>
    <definedName name="見出し営業費用目名称０８">#REF!</definedName>
    <definedName name="見出し営業費用目名称０９">#REF!</definedName>
    <definedName name="見出し営業費用目名称１０">#REF!</definedName>
    <definedName name="見出し出力金額">#REF!</definedName>
    <definedName name="現頁">#REF!</definedName>
    <definedName name="合計">#REF!</definedName>
    <definedName name="歳出">#REF!</definedName>
    <definedName name="歳入１">#REF!</definedName>
    <definedName name="歳入２">#REF!</definedName>
    <definedName name="財源対策">#REF!,#REF!,#REF!,#REF!</definedName>
    <definedName name="作成時間">#REF!</definedName>
    <definedName name="作成日付">#REF!</definedName>
    <definedName name="資本丸め">#REF!</definedName>
    <definedName name="資本縦表">#REF!</definedName>
    <definedName name="資本費営業外費用金額_1">#REF!</definedName>
    <definedName name="資本費営業外費用金額_10">#REF!</definedName>
    <definedName name="資本費営業外費用金額_11">#REF!</definedName>
    <definedName name="資本費営業外費用金額_12">#REF!</definedName>
    <definedName name="資本費営業外費用金額_13">#REF!</definedName>
    <definedName name="資本費営業外費用金額_14">#REF!</definedName>
    <definedName name="資本費営業外費用金額_15">#REF!</definedName>
    <definedName name="資本費営業外費用金額_16">#REF!</definedName>
    <definedName name="資本費営業外費用金額_17">#REF!</definedName>
    <definedName name="資本費営業外費用金額_2">#REF!</definedName>
    <definedName name="資本費営業外費用金額_3">#REF!</definedName>
    <definedName name="資本費営業外費用金額_4">#REF!</definedName>
    <definedName name="資本費営業外費用金額_5">#REF!</definedName>
    <definedName name="資本費営業外費用金額_6">#REF!</definedName>
    <definedName name="資本費営業外費用金額_7">#REF!</definedName>
    <definedName name="資本費営業外費用金額_8">#REF!</definedName>
    <definedName name="資本費営業外費用金額_9">#REF!</definedName>
    <definedName name="資本費営業外費用税額_1">#REF!</definedName>
    <definedName name="資本費営業外費用税額_10">#REF!</definedName>
    <definedName name="資本費営業外費用税額_11">#REF!</definedName>
    <definedName name="資本費営業外費用税額_12">#REF!</definedName>
    <definedName name="資本費営業外費用税額_13">#REF!</definedName>
    <definedName name="資本費営業外費用税額_14">#REF!</definedName>
    <definedName name="資本費営業外費用税額_15">#REF!</definedName>
    <definedName name="資本費営業外費用税額_16">#REF!</definedName>
    <definedName name="資本費営業外費用税額_17">#REF!</definedName>
    <definedName name="資本費営業外費用税額_2">#REF!</definedName>
    <definedName name="資本費営業外費用税額_3">#REF!</definedName>
    <definedName name="資本費営業外費用税額_4">#REF!</definedName>
    <definedName name="資本費営業外費用税額_5">#REF!</definedName>
    <definedName name="資本費営業外費用税額_6">#REF!</definedName>
    <definedName name="資本費営業外費用税額_7">#REF!</definedName>
    <definedName name="資本費営業外費用税額_8">#REF!</definedName>
    <definedName name="資本費営業外費用税額_9">#REF!</definedName>
    <definedName name="資本費左記以外金額_1">#REF!</definedName>
    <definedName name="資本費左記以外金額_10">#REF!</definedName>
    <definedName name="資本費左記以外金額_11">#REF!</definedName>
    <definedName name="資本費左記以外金額_12">#REF!</definedName>
    <definedName name="資本費左記以外金額_13">#REF!</definedName>
    <definedName name="資本費左記以外金額_14">#REF!</definedName>
    <definedName name="資本費左記以外金額_15">#REF!</definedName>
    <definedName name="資本費左記以外金額_16">#REF!</definedName>
    <definedName name="資本費左記以外金額_17">#REF!</definedName>
    <definedName name="資本費左記以外金額_2">#REF!</definedName>
    <definedName name="資本費左記以外金額_3">#REF!</definedName>
    <definedName name="資本費左記以外金額_4">#REF!</definedName>
    <definedName name="資本費左記以外金額_5">#REF!</definedName>
    <definedName name="資本費左記以外金額_6">#REF!</definedName>
    <definedName name="資本費左記以外金額_7">#REF!</definedName>
    <definedName name="資本費左記以外金額_8">#REF!</definedName>
    <definedName name="資本費左記以外金額_9">#REF!</definedName>
    <definedName name="資本費左記以外税額_1">#REF!</definedName>
    <definedName name="資本費左記以外税額_10">#REF!</definedName>
    <definedName name="資本費左記以外税額_11">#REF!</definedName>
    <definedName name="資本費左記以外税額_12">#REF!</definedName>
    <definedName name="資本費左記以外税額_13">#REF!</definedName>
    <definedName name="資本費左記以外税額_14">#REF!</definedName>
    <definedName name="資本費左記以外税額_15">#REF!</definedName>
    <definedName name="資本費左記以外税額_16">#REF!</definedName>
    <definedName name="資本費左記以外税額_17">#REF!</definedName>
    <definedName name="資本費左記以外税額_2">#REF!</definedName>
    <definedName name="資本費左記以外税額_3">#REF!</definedName>
    <definedName name="資本費左記以外税額_4">#REF!</definedName>
    <definedName name="資本費左記以外税額_5">#REF!</definedName>
    <definedName name="資本費左記以外税額_6">#REF!</definedName>
    <definedName name="資本費左記以外税額_7">#REF!</definedName>
    <definedName name="資本費左記以外税額_8">#REF!</definedName>
    <definedName name="資本費左記以外税額_9">#REF!</definedName>
    <definedName name="資本費名称_1">#REF!</definedName>
    <definedName name="資本費名称_10">#REF!</definedName>
    <definedName name="資本費名称_11">#REF!</definedName>
    <definedName name="資本費名称_12">#REF!</definedName>
    <definedName name="資本費名称_13">#REF!</definedName>
    <definedName name="資本費名称_14">#REF!</definedName>
    <definedName name="資本費名称_15">#REF!</definedName>
    <definedName name="資本費名称_16">#REF!</definedName>
    <definedName name="資本費名称_17">#REF!</definedName>
    <definedName name="資本費名称_2">#REF!</definedName>
    <definedName name="資本費名称_3">#REF!</definedName>
    <definedName name="資本費名称_4">#REF!</definedName>
    <definedName name="資本費名称_5">#REF!</definedName>
    <definedName name="資本費名称_6">#REF!</definedName>
    <definedName name="資本費名称_7">#REF!</definedName>
    <definedName name="資本費名称_8">#REF!</definedName>
    <definedName name="資本費名称_9">#REF!</definedName>
    <definedName name="事業名称">#REF!</definedName>
    <definedName name="識別コード8月14日">#REF!</definedName>
    <definedName name="借方残高_1">#REF!</definedName>
    <definedName name="借方残高_10">#REF!</definedName>
    <definedName name="借方残高_11">#REF!</definedName>
    <definedName name="借方残高_12">#REF!</definedName>
    <definedName name="借方残高_13">#REF!</definedName>
    <definedName name="借方残高_14">#REF!</definedName>
    <definedName name="借方残高_15">#REF!</definedName>
    <definedName name="借方残高_16">#REF!</definedName>
    <definedName name="借方残高_17">#REF!</definedName>
    <definedName name="借方残高_18">#REF!</definedName>
    <definedName name="借方残高_19">#REF!</definedName>
    <definedName name="借方残高_2">#REF!</definedName>
    <definedName name="借方残高_20">#REF!</definedName>
    <definedName name="借方残高_3">#REF!</definedName>
    <definedName name="借方残高_4">#REF!</definedName>
    <definedName name="借方残高_5">#REF!</definedName>
    <definedName name="借方残高_6">#REF!</definedName>
    <definedName name="借方残高_7">#REF!</definedName>
    <definedName name="借方残高_8">#REF!</definedName>
    <definedName name="借方残高_9">#REF!</definedName>
    <definedName name="借方当月_1">#REF!</definedName>
    <definedName name="借方当月_10">#REF!</definedName>
    <definedName name="借方当月_11">#REF!</definedName>
    <definedName name="借方当月_12">#REF!</definedName>
    <definedName name="借方当月_13">#REF!</definedName>
    <definedName name="借方当月_14">#REF!</definedName>
    <definedName name="借方当月_15">#REF!</definedName>
    <definedName name="借方当月_16">#REF!</definedName>
    <definedName name="借方当月_17">#REF!</definedName>
    <definedName name="借方当月_18">#REF!</definedName>
    <definedName name="借方当月_19">#REF!</definedName>
    <definedName name="借方当月_2">#REF!</definedName>
    <definedName name="借方当月_20">#REF!</definedName>
    <definedName name="借方当月_3">#REF!</definedName>
    <definedName name="借方当月_4">#REF!</definedName>
    <definedName name="借方当月_5">#REF!</definedName>
    <definedName name="借方当月_6">#REF!</definedName>
    <definedName name="借方当月_7">#REF!</definedName>
    <definedName name="借方当月_8">#REF!</definedName>
    <definedName name="借方当月_9">#REF!</definedName>
    <definedName name="借方累計_1">#REF!</definedName>
    <definedName name="借方累計_10">#REF!</definedName>
    <definedName name="借方累計_11">#REF!</definedName>
    <definedName name="借方累計_12">#REF!</definedName>
    <definedName name="借方累計_13">#REF!</definedName>
    <definedName name="借方累計_14">#REF!</definedName>
    <definedName name="借方累計_15">#REF!</definedName>
    <definedName name="借方累計_16">#REF!</definedName>
    <definedName name="借方累計_17">#REF!</definedName>
    <definedName name="借方累計_18">#REF!</definedName>
    <definedName name="借方累計_19">#REF!</definedName>
    <definedName name="借方累計_2">#REF!</definedName>
    <definedName name="借方累計_20">#REF!</definedName>
    <definedName name="借方累計_3">#REF!</definedName>
    <definedName name="借方累計_4">#REF!</definedName>
    <definedName name="借方累計_5">#REF!</definedName>
    <definedName name="借方累計_6">#REF!</definedName>
    <definedName name="借方累計_7">#REF!</definedName>
    <definedName name="借方累計_8">#REF!</definedName>
    <definedName name="借方累計_9">#REF!</definedName>
    <definedName name="収益丸め">#REF!</definedName>
    <definedName name="収益縦表">#REF!</definedName>
    <definedName name="所属ｺｰﾄﾞ">#REF!</definedName>
    <definedName name="所属名称">#REF!</definedName>
    <definedName name="職員情報データ">#REF!</definedName>
    <definedName name="職員情報データ出力">#REF!</definedName>
    <definedName name="人件費計０１金額">#REF!</definedName>
    <definedName name="人件費計０１税額">#REF!</definedName>
    <definedName name="人件費計０２金額">#REF!</definedName>
    <definedName name="人件費計０２税額">#REF!</definedName>
    <definedName name="人件費計０３金額">#REF!</definedName>
    <definedName name="人件費計０３税額">#REF!</definedName>
    <definedName name="人件費計０４金額">#REF!</definedName>
    <definedName name="人件費計０４税額">#REF!</definedName>
    <definedName name="人件費計０５金額">#REF!</definedName>
    <definedName name="人件費計０５税額">#REF!</definedName>
    <definedName name="人件費計０６金額">#REF!</definedName>
    <definedName name="人件費計０６税額">#REF!</definedName>
    <definedName name="人件費計０７金額">#REF!</definedName>
    <definedName name="人件費計０７税額">#REF!</definedName>
    <definedName name="人件費計０８金額">#REF!</definedName>
    <definedName name="人件費計０８税額">#REF!</definedName>
    <definedName name="人件費計０９金額">#REF!</definedName>
    <definedName name="人件費計０９税額">#REF!</definedName>
    <definedName name="人件費計１０金額">#REF!</definedName>
    <definedName name="人件費計１０税額">#REF!</definedName>
    <definedName name="人件費計左記以外金額">#REF!</definedName>
    <definedName name="人件費計左記以外税額">#REF!</definedName>
    <definedName name="税収１">#REF!</definedName>
    <definedName name="税収２">#REF!</definedName>
    <definedName name="全体">#REF!</definedName>
    <definedName name="全体局計">#REF!</definedName>
    <definedName name="対象年月">#REF!</definedName>
    <definedName name="貸方残高_1">#REF!</definedName>
    <definedName name="貸方残高_10">#REF!</definedName>
    <definedName name="貸方残高_11">#REF!</definedName>
    <definedName name="貸方残高_12">#REF!</definedName>
    <definedName name="貸方残高_13">#REF!</definedName>
    <definedName name="貸方残高_14">#REF!</definedName>
    <definedName name="貸方残高_15">#REF!</definedName>
    <definedName name="貸方残高_16">#REF!</definedName>
    <definedName name="貸方残高_17">#REF!</definedName>
    <definedName name="貸方残高_18">#REF!</definedName>
    <definedName name="貸方残高_19">#REF!</definedName>
    <definedName name="貸方残高_2">#REF!</definedName>
    <definedName name="貸方残高_20">#REF!</definedName>
    <definedName name="貸方残高_3">#REF!</definedName>
    <definedName name="貸方残高_4">#REF!</definedName>
    <definedName name="貸方残高_5">#REF!</definedName>
    <definedName name="貸方残高_6">#REF!</definedName>
    <definedName name="貸方残高_7">#REF!</definedName>
    <definedName name="貸方残高_8">#REF!</definedName>
    <definedName name="貸方残高_9">#REF!</definedName>
    <definedName name="貸方当月_1">#REF!</definedName>
    <definedName name="貸方当月_10">#REF!</definedName>
    <definedName name="貸方当月_11">#REF!</definedName>
    <definedName name="貸方当月_12">#REF!</definedName>
    <definedName name="貸方当月_13">#REF!</definedName>
    <definedName name="貸方当月_14">#REF!</definedName>
    <definedName name="貸方当月_15">#REF!</definedName>
    <definedName name="貸方当月_16">#REF!</definedName>
    <definedName name="貸方当月_17">#REF!</definedName>
    <definedName name="貸方当月_18">#REF!</definedName>
    <definedName name="貸方当月_19">#REF!</definedName>
    <definedName name="貸方当月_2">#REF!</definedName>
    <definedName name="貸方当月_20">#REF!</definedName>
    <definedName name="貸方当月_3">#REF!</definedName>
    <definedName name="貸方当月_4">#REF!</definedName>
    <definedName name="貸方当月_5">#REF!</definedName>
    <definedName name="貸方当月_6">#REF!</definedName>
    <definedName name="貸方当月_7">#REF!</definedName>
    <definedName name="貸方当月_8">#REF!</definedName>
    <definedName name="貸方当月_9">#REF!</definedName>
    <definedName name="貸方累計_1">#REF!</definedName>
    <definedName name="貸方累計_10">#REF!</definedName>
    <definedName name="貸方累計_11">#REF!</definedName>
    <definedName name="貸方累計_12">#REF!</definedName>
    <definedName name="貸方累計_13">#REF!</definedName>
    <definedName name="貸方累計_14">#REF!</definedName>
    <definedName name="貸方累計_15">#REF!</definedName>
    <definedName name="貸方累計_16">#REF!</definedName>
    <definedName name="貸方累計_17">#REF!</definedName>
    <definedName name="貸方累計_18">#REF!</definedName>
    <definedName name="貸方累計_19">#REF!</definedName>
    <definedName name="貸方累計_2">#REF!</definedName>
    <definedName name="貸方累計_20">#REF!</definedName>
    <definedName name="貸方累計_3">#REF!</definedName>
    <definedName name="貸方累計_4">#REF!</definedName>
    <definedName name="貸方累計_5">#REF!</definedName>
    <definedName name="貸方累計_6">#REF!</definedName>
    <definedName name="貸方累計_7">#REF!</definedName>
    <definedName name="貸方累計_8">#REF!</definedName>
    <definedName name="貸方累計_9">#REF!</definedName>
    <definedName name="退職厚生">#REF!</definedName>
    <definedName name="団体名">[3]データ!$B$4:$B$96</definedName>
    <definedName name="特別損失金額">#REF!</definedName>
    <definedName name="特別損失税額">#REF!</definedName>
    <definedName name="年度">#REF!</definedName>
    <definedName name="燃料">#REF!</definedName>
    <definedName name="被服">#REF!</definedName>
    <definedName name="費目">#REF!</definedName>
    <definedName name="費目コード">#REF!</definedName>
    <definedName name="費目識別">#REF!</definedName>
    <definedName name="物件費０１金額_1">#REF!</definedName>
    <definedName name="物件費０１金額_10">#REF!</definedName>
    <definedName name="物件費０１金額_11">#REF!</definedName>
    <definedName name="物件費０１金額_12">#REF!</definedName>
    <definedName name="物件費０１金額_13">#REF!</definedName>
    <definedName name="物件費０１金額_14">#REF!</definedName>
    <definedName name="物件費０１金額_15">#REF!</definedName>
    <definedName name="物件費０１金額_16">#REF!</definedName>
    <definedName name="物件費０１金額_17">#REF!</definedName>
    <definedName name="物件費０１金額_18">#REF!</definedName>
    <definedName name="物件費０１金額_19">#REF!</definedName>
    <definedName name="物件費０１金額_2">#REF!</definedName>
    <definedName name="物件費０１金額_20">#REF!</definedName>
    <definedName name="物件費０１金額_21">#REF!</definedName>
    <definedName name="物件費０１金額_22">#REF!</definedName>
    <definedName name="物件費０１金額_23">#REF!</definedName>
    <definedName name="物件費０１金額_24">#REF!</definedName>
    <definedName name="物件費０１金額_25">#REF!</definedName>
    <definedName name="物件費０１金額_26">#REF!</definedName>
    <definedName name="物件費０１金額_27">#REF!</definedName>
    <definedName name="物件費０１金額_28">#REF!</definedName>
    <definedName name="物件費０１金額_29">#REF!</definedName>
    <definedName name="物件費０１金額_3">#REF!</definedName>
    <definedName name="物件費０１金額_30">#REF!</definedName>
    <definedName name="物件費０１金額_31">#REF!</definedName>
    <definedName name="物件費０１金額_32">#REF!</definedName>
    <definedName name="物件費０１金額_33">#REF!</definedName>
    <definedName name="物件費０１金額_34">#REF!</definedName>
    <definedName name="物件費０１金額_35">#REF!</definedName>
    <definedName name="物件費０１金額_36">#REF!</definedName>
    <definedName name="物件費０１金額_37">#REF!</definedName>
    <definedName name="物件費０１金額_38">#REF!</definedName>
    <definedName name="物件費０１金額_39">#REF!</definedName>
    <definedName name="物件費０１金額_4">#REF!</definedName>
    <definedName name="物件費０１金額_40">#REF!</definedName>
    <definedName name="物件費０１金額_41">#REF!</definedName>
    <definedName name="物件費０１金額_42">#REF!</definedName>
    <definedName name="物件費０１金額_43">#REF!</definedName>
    <definedName name="物件費０１金額_44">#REF!</definedName>
    <definedName name="物件費０１金額_45">#REF!</definedName>
    <definedName name="物件費０１金額_46">#REF!</definedName>
    <definedName name="物件費０１金額_5">#REF!</definedName>
    <definedName name="物件費０１金額_6">#REF!</definedName>
    <definedName name="物件費０１金額_7">#REF!</definedName>
    <definedName name="物件費０１金額_8">#REF!</definedName>
    <definedName name="物件費０１金額_9">#REF!</definedName>
    <definedName name="物件費０１税額_1">#REF!</definedName>
    <definedName name="物件費０１税額_10">#REF!</definedName>
    <definedName name="物件費０１税額_11">#REF!</definedName>
    <definedName name="物件費０１税額_12">#REF!</definedName>
    <definedName name="物件費０１税額_13">#REF!</definedName>
    <definedName name="物件費０１税額_14">#REF!</definedName>
    <definedName name="物件費０１税額_15">#REF!</definedName>
    <definedName name="物件費０１税額_16">#REF!</definedName>
    <definedName name="物件費０１税額_17">#REF!</definedName>
    <definedName name="物件費０１税額_18">#REF!</definedName>
    <definedName name="物件費０１税額_19">#REF!</definedName>
    <definedName name="物件費０１税額_2">#REF!</definedName>
    <definedName name="物件費０１税額_20">#REF!</definedName>
    <definedName name="物件費０１税額_21">#REF!</definedName>
    <definedName name="物件費０１税額_22">#REF!</definedName>
    <definedName name="物件費０１税額_23">#REF!</definedName>
    <definedName name="物件費０１税額_24">#REF!</definedName>
    <definedName name="物件費０１税額_25">#REF!</definedName>
    <definedName name="物件費０１税額_26">#REF!</definedName>
    <definedName name="物件費０１税額_27">#REF!</definedName>
    <definedName name="物件費０１税額_28">#REF!</definedName>
    <definedName name="物件費０１税額_29">#REF!</definedName>
    <definedName name="物件費０１税額_3">#REF!</definedName>
    <definedName name="物件費０１税額_30">#REF!</definedName>
    <definedName name="物件費０１税額_31">#REF!</definedName>
    <definedName name="物件費０１税額_32">#REF!</definedName>
    <definedName name="物件費０１税額_33">#REF!</definedName>
    <definedName name="物件費０１税額_34">#REF!</definedName>
    <definedName name="物件費０１税額_35">#REF!</definedName>
    <definedName name="物件費０１税額_36">#REF!</definedName>
    <definedName name="物件費０１税額_37">#REF!</definedName>
    <definedName name="物件費０１税額_38">#REF!</definedName>
    <definedName name="物件費０１税額_39">#REF!</definedName>
    <definedName name="物件費０１税額_4">#REF!</definedName>
    <definedName name="物件費０１税額_40">#REF!</definedName>
    <definedName name="物件費０１税額_41">#REF!</definedName>
    <definedName name="物件費０１税額_42">#REF!</definedName>
    <definedName name="物件費０１税額_43">#REF!</definedName>
    <definedName name="物件費０１税額_44">#REF!</definedName>
    <definedName name="物件費０１税額_45">#REF!</definedName>
    <definedName name="物件費０１税額_46">#REF!</definedName>
    <definedName name="物件費０１税額_5">#REF!</definedName>
    <definedName name="物件費０１税額_6">#REF!</definedName>
    <definedName name="物件費０１税額_7">#REF!</definedName>
    <definedName name="物件費０１税額_8">#REF!</definedName>
    <definedName name="物件費０１税額_9">#REF!</definedName>
    <definedName name="物件費０２金額_1">#REF!</definedName>
    <definedName name="物件費０２金額_10">#REF!</definedName>
    <definedName name="物件費０２金額_11">#REF!</definedName>
    <definedName name="物件費０２金額_12">#REF!</definedName>
    <definedName name="物件費０２金額_13">#REF!</definedName>
    <definedName name="物件費０２金額_14">#REF!</definedName>
    <definedName name="物件費０２金額_15">#REF!</definedName>
    <definedName name="物件費０２金額_16">#REF!</definedName>
    <definedName name="物件費０２金額_17">#REF!</definedName>
    <definedName name="物件費０２金額_18">#REF!</definedName>
    <definedName name="物件費０２金額_19">#REF!</definedName>
    <definedName name="物件費０２金額_2">#REF!</definedName>
    <definedName name="物件費０２金額_20">#REF!</definedName>
    <definedName name="物件費０２金額_21">#REF!</definedName>
    <definedName name="物件費０２金額_22">#REF!</definedName>
    <definedName name="物件費０２金額_23">#REF!</definedName>
    <definedName name="物件費０２金額_24">#REF!</definedName>
    <definedName name="物件費０２金額_25">#REF!</definedName>
    <definedName name="物件費０２金額_26">#REF!</definedName>
    <definedName name="物件費０２金額_27">#REF!</definedName>
    <definedName name="物件費０２金額_28">#REF!</definedName>
    <definedName name="物件費０２金額_29">#REF!</definedName>
    <definedName name="物件費０２金額_3">#REF!</definedName>
    <definedName name="物件費０２金額_30">#REF!</definedName>
    <definedName name="物件費０２金額_31">#REF!</definedName>
    <definedName name="物件費０２金額_32">#REF!</definedName>
    <definedName name="物件費０２金額_33">#REF!</definedName>
    <definedName name="物件費０２金額_34">#REF!</definedName>
    <definedName name="物件費０２金額_35">#REF!</definedName>
    <definedName name="物件費０２金額_36">#REF!</definedName>
    <definedName name="物件費０２金額_37">#REF!</definedName>
    <definedName name="物件費０２金額_38">#REF!</definedName>
    <definedName name="物件費０２金額_39">#REF!</definedName>
    <definedName name="物件費０２金額_4">#REF!</definedName>
    <definedName name="物件費０２金額_40">#REF!</definedName>
    <definedName name="物件費０２金額_41">#REF!</definedName>
    <definedName name="物件費０２金額_42">#REF!</definedName>
    <definedName name="物件費０２金額_43">#REF!</definedName>
    <definedName name="物件費０２金額_44">#REF!</definedName>
    <definedName name="物件費０２金額_45">#REF!</definedName>
    <definedName name="物件費０２金額_46">#REF!</definedName>
    <definedName name="物件費０２金額_5">#REF!</definedName>
    <definedName name="物件費０２金額_6">#REF!</definedName>
    <definedName name="物件費０２金額_7">#REF!</definedName>
    <definedName name="物件費０２金額_8">#REF!</definedName>
    <definedName name="物件費０２金額_9">#REF!</definedName>
    <definedName name="物件費０２税額_1">#REF!</definedName>
    <definedName name="物件費０２税額_10">#REF!</definedName>
    <definedName name="物件費０２税額_11">#REF!</definedName>
    <definedName name="物件費０２税額_12">#REF!</definedName>
    <definedName name="物件費０２税額_13">#REF!</definedName>
    <definedName name="物件費０２税額_14">#REF!</definedName>
    <definedName name="物件費０２税額_15">#REF!</definedName>
    <definedName name="物件費０２税額_16">#REF!</definedName>
    <definedName name="物件費０２税額_17">#REF!</definedName>
    <definedName name="物件費０２税額_18">#REF!</definedName>
    <definedName name="物件費０２税額_19">#REF!</definedName>
    <definedName name="物件費０２税額_2">#REF!</definedName>
    <definedName name="物件費０２税額_20">#REF!</definedName>
    <definedName name="物件費０２税額_21">#REF!</definedName>
    <definedName name="物件費０２税額_22">#REF!</definedName>
    <definedName name="物件費０２税額_23">#REF!</definedName>
    <definedName name="物件費０２税額_24">#REF!</definedName>
    <definedName name="物件費０２税額_25">#REF!</definedName>
    <definedName name="物件費０２税額_26">#REF!</definedName>
    <definedName name="物件費０２税額_27">#REF!</definedName>
    <definedName name="物件費０２税額_28">#REF!</definedName>
    <definedName name="物件費０２税額_29">#REF!</definedName>
    <definedName name="物件費０２税額_3">#REF!</definedName>
    <definedName name="物件費０２税額_30">#REF!</definedName>
    <definedName name="物件費０２税額_31">#REF!</definedName>
    <definedName name="物件費０２税額_32">#REF!</definedName>
    <definedName name="物件費０２税額_33">#REF!</definedName>
    <definedName name="物件費０２税額_34">#REF!</definedName>
    <definedName name="物件費０２税額_35">#REF!</definedName>
    <definedName name="物件費０２税額_36">#REF!</definedName>
    <definedName name="物件費０２税額_37">#REF!</definedName>
    <definedName name="物件費０２税額_38">#REF!</definedName>
    <definedName name="物件費０２税額_39">#REF!</definedName>
    <definedName name="物件費０２税額_4">#REF!</definedName>
    <definedName name="物件費０２税額_40">#REF!</definedName>
    <definedName name="物件費０２税額_41">#REF!</definedName>
    <definedName name="物件費０２税額_42">#REF!</definedName>
    <definedName name="物件費０２税額_43">#REF!</definedName>
    <definedName name="物件費０２税額_44">#REF!</definedName>
    <definedName name="物件費０２税額_45">#REF!</definedName>
    <definedName name="物件費０２税額_46">#REF!</definedName>
    <definedName name="物件費０２税額_5">#REF!</definedName>
    <definedName name="物件費０２税額_6">#REF!</definedName>
    <definedName name="物件費０２税額_7">#REF!</definedName>
    <definedName name="物件費０２税額_8">#REF!</definedName>
    <definedName name="物件費０２税額_9">#REF!</definedName>
    <definedName name="物件費０３金額_1">#REF!</definedName>
    <definedName name="物件費０３金額_10">#REF!</definedName>
    <definedName name="物件費０３金額_11">#REF!</definedName>
    <definedName name="物件費０３金額_12">#REF!</definedName>
    <definedName name="物件費０３金額_13">#REF!</definedName>
    <definedName name="物件費０３金額_14">#REF!</definedName>
    <definedName name="物件費０３金額_15">#REF!</definedName>
    <definedName name="物件費０３金額_16">#REF!</definedName>
    <definedName name="物件費０３金額_17">#REF!</definedName>
    <definedName name="物件費０３金額_18">#REF!</definedName>
    <definedName name="物件費０３金額_19">#REF!</definedName>
    <definedName name="物件費０３金額_2">#REF!</definedName>
    <definedName name="物件費０３金額_20">#REF!</definedName>
    <definedName name="物件費０３金額_21">#REF!</definedName>
    <definedName name="物件費０３金額_22">#REF!</definedName>
    <definedName name="物件費０３金額_23">#REF!</definedName>
    <definedName name="物件費０３金額_24">#REF!</definedName>
    <definedName name="物件費０３金額_25">#REF!</definedName>
    <definedName name="物件費０３金額_26">#REF!</definedName>
    <definedName name="物件費０３金額_27">#REF!</definedName>
    <definedName name="物件費０３金額_28">#REF!</definedName>
    <definedName name="物件費０３金額_29">#REF!</definedName>
    <definedName name="物件費０３金額_3">#REF!</definedName>
    <definedName name="物件費０３金額_30">#REF!</definedName>
    <definedName name="物件費０３金額_31">#REF!</definedName>
    <definedName name="物件費０３金額_32">#REF!</definedName>
    <definedName name="物件費０３金額_33">#REF!</definedName>
    <definedName name="物件費０３金額_34">#REF!</definedName>
    <definedName name="物件費０３金額_35">#REF!</definedName>
    <definedName name="物件費０３金額_36">#REF!</definedName>
    <definedName name="物件費０３金額_37">#REF!</definedName>
    <definedName name="物件費０３金額_38">#REF!</definedName>
    <definedName name="物件費０３金額_39">#REF!</definedName>
    <definedName name="物件費０３金額_4">#REF!</definedName>
    <definedName name="物件費０３金額_40">#REF!</definedName>
    <definedName name="物件費０３金額_41">#REF!</definedName>
    <definedName name="物件費０３金額_42">#REF!</definedName>
    <definedName name="物件費０３金額_43">#REF!</definedName>
    <definedName name="物件費０３金額_44">#REF!</definedName>
    <definedName name="物件費０３金額_45">#REF!</definedName>
    <definedName name="物件費０３金額_46">#REF!</definedName>
    <definedName name="物件費０３金額_5">#REF!</definedName>
    <definedName name="物件費０３金額_6">#REF!</definedName>
    <definedName name="物件費０３金額_7">#REF!</definedName>
    <definedName name="物件費０３金額_8">#REF!</definedName>
    <definedName name="物件費０３金額_9">#REF!</definedName>
    <definedName name="物件費０３税額_1">#REF!</definedName>
    <definedName name="物件費０３税額_10">#REF!</definedName>
    <definedName name="物件費０３税額_11">#REF!</definedName>
    <definedName name="物件費０３税額_12">#REF!</definedName>
    <definedName name="物件費０３税額_13">#REF!</definedName>
    <definedName name="物件費０３税額_14">#REF!</definedName>
    <definedName name="物件費０３税額_15">#REF!</definedName>
    <definedName name="物件費０３税額_16">#REF!</definedName>
    <definedName name="物件費０３税額_17">#REF!</definedName>
    <definedName name="物件費０３税額_18">#REF!</definedName>
    <definedName name="物件費０３税額_19">#REF!</definedName>
    <definedName name="物件費０３税額_2">#REF!</definedName>
    <definedName name="物件費０３税額_20">#REF!</definedName>
    <definedName name="物件費０３税額_21">#REF!</definedName>
    <definedName name="物件費０３税額_22">#REF!</definedName>
    <definedName name="物件費０３税額_23">#REF!</definedName>
    <definedName name="物件費０３税額_24">#REF!</definedName>
    <definedName name="物件費０３税額_25">#REF!</definedName>
    <definedName name="物件費０３税額_26">#REF!</definedName>
    <definedName name="物件費０３税額_27">#REF!</definedName>
    <definedName name="物件費０３税額_28">#REF!</definedName>
    <definedName name="物件費０３税額_29">#REF!</definedName>
    <definedName name="物件費０３税額_3">#REF!</definedName>
    <definedName name="物件費０３税額_30">#REF!</definedName>
    <definedName name="物件費０３税額_31">#REF!</definedName>
    <definedName name="物件費０３税額_32">#REF!</definedName>
    <definedName name="物件費０３税額_33">#REF!</definedName>
    <definedName name="物件費０３税額_34">#REF!</definedName>
    <definedName name="物件費０３税額_35">#REF!</definedName>
    <definedName name="物件費０３税額_36">#REF!</definedName>
    <definedName name="物件費０３税額_37">#REF!</definedName>
    <definedName name="物件費０３税額_38">#REF!</definedName>
    <definedName name="物件費０３税額_39">#REF!</definedName>
    <definedName name="物件費０３税額_4">#REF!</definedName>
    <definedName name="物件費０３税額_40">#REF!</definedName>
    <definedName name="物件費０３税額_41">#REF!</definedName>
    <definedName name="物件費０３税額_42">#REF!</definedName>
    <definedName name="物件費０３税額_43">#REF!</definedName>
    <definedName name="物件費０３税額_44">#REF!</definedName>
    <definedName name="物件費０３税額_45">#REF!</definedName>
    <definedName name="物件費０３税額_46">#REF!</definedName>
    <definedName name="物件費０３税額_5">#REF!</definedName>
    <definedName name="物件費０３税額_6">#REF!</definedName>
    <definedName name="物件費０３税額_7">#REF!</definedName>
    <definedName name="物件費０３税額_8">#REF!</definedName>
    <definedName name="物件費０３税額_9">#REF!</definedName>
    <definedName name="物件費０４金額_1">#REF!</definedName>
    <definedName name="物件費０４金額_10">#REF!</definedName>
    <definedName name="物件費０４金額_11">#REF!</definedName>
    <definedName name="物件費０４金額_12">#REF!</definedName>
    <definedName name="物件費０４金額_13">#REF!</definedName>
    <definedName name="物件費０４金額_14">#REF!</definedName>
    <definedName name="物件費０４金額_15">#REF!</definedName>
    <definedName name="物件費０４金額_16">#REF!</definedName>
    <definedName name="物件費０４金額_17">#REF!</definedName>
    <definedName name="物件費０４金額_18">#REF!</definedName>
    <definedName name="物件費０４金額_19">#REF!</definedName>
    <definedName name="物件費０４金額_2">#REF!</definedName>
    <definedName name="物件費０４金額_20">#REF!</definedName>
    <definedName name="物件費０４金額_21">#REF!</definedName>
    <definedName name="物件費０４金額_22">#REF!</definedName>
    <definedName name="物件費０４金額_23">#REF!</definedName>
    <definedName name="物件費０４金額_24">#REF!</definedName>
    <definedName name="物件費０４金額_25">#REF!</definedName>
    <definedName name="物件費０４金額_26">#REF!</definedName>
    <definedName name="物件費０４金額_27">#REF!</definedName>
    <definedName name="物件費０４金額_28">#REF!</definedName>
    <definedName name="物件費０４金額_29">#REF!</definedName>
    <definedName name="物件費０４金額_3">#REF!</definedName>
    <definedName name="物件費０４金額_30">#REF!</definedName>
    <definedName name="物件費０４金額_31">#REF!</definedName>
    <definedName name="物件費０４金額_32">#REF!</definedName>
    <definedName name="物件費０４金額_33">#REF!</definedName>
    <definedName name="物件費０４金額_34">#REF!</definedName>
    <definedName name="物件費０４金額_35">#REF!</definedName>
    <definedName name="物件費０４金額_36">#REF!</definedName>
    <definedName name="物件費０４金額_37">#REF!</definedName>
    <definedName name="物件費０４金額_38">#REF!</definedName>
    <definedName name="物件費０４金額_39">#REF!</definedName>
    <definedName name="物件費０４金額_4">#REF!</definedName>
    <definedName name="物件費０４金額_40">#REF!</definedName>
    <definedName name="物件費０４金額_41">#REF!</definedName>
    <definedName name="物件費０４金額_42">#REF!</definedName>
    <definedName name="物件費０４金額_43">#REF!</definedName>
    <definedName name="物件費０４金額_44">#REF!</definedName>
    <definedName name="物件費０４金額_45">#REF!</definedName>
    <definedName name="物件費０４金額_46">#REF!</definedName>
    <definedName name="物件費０４金額_5">#REF!</definedName>
    <definedName name="物件費０４金額_6">#REF!</definedName>
    <definedName name="物件費０４金額_7">#REF!</definedName>
    <definedName name="物件費０４金額_8">#REF!</definedName>
    <definedName name="物件費０４金額_9">#REF!</definedName>
    <definedName name="物件費０４税額_1">#REF!</definedName>
    <definedName name="物件費０４税額_10">#REF!</definedName>
    <definedName name="物件費０４税額_11">#REF!</definedName>
    <definedName name="物件費０４税額_12">#REF!</definedName>
    <definedName name="物件費０４税額_13">#REF!</definedName>
    <definedName name="物件費０４税額_14">#REF!</definedName>
    <definedName name="物件費０４税額_15">#REF!</definedName>
    <definedName name="物件費０４税額_16">#REF!</definedName>
    <definedName name="物件費０４税額_17">#REF!</definedName>
    <definedName name="物件費０４税額_18">#REF!</definedName>
    <definedName name="物件費０４税額_19">#REF!</definedName>
    <definedName name="物件費０４税額_2">#REF!</definedName>
    <definedName name="物件費０４税額_20">#REF!</definedName>
    <definedName name="物件費０４税額_21">#REF!</definedName>
    <definedName name="物件費０４税額_22">#REF!</definedName>
    <definedName name="物件費０４税額_23">#REF!</definedName>
    <definedName name="物件費０４税額_24">#REF!</definedName>
    <definedName name="物件費０４税額_25">#REF!</definedName>
    <definedName name="物件費０４税額_26">#REF!</definedName>
    <definedName name="物件費０４税額_27">#REF!</definedName>
    <definedName name="物件費０４税額_28">#REF!</definedName>
    <definedName name="物件費０４税額_29">#REF!</definedName>
    <definedName name="物件費０４税額_3">#REF!</definedName>
    <definedName name="物件費０４税額_30">#REF!</definedName>
    <definedName name="物件費０４税額_31">#REF!</definedName>
    <definedName name="物件費０４税額_32">#REF!</definedName>
    <definedName name="物件費０４税額_33">#REF!</definedName>
    <definedName name="物件費０４税額_34">#REF!</definedName>
    <definedName name="物件費０４税額_35">#REF!</definedName>
    <definedName name="物件費０４税額_36">#REF!</definedName>
    <definedName name="物件費０４税額_37">#REF!</definedName>
    <definedName name="物件費０４税額_38">#REF!</definedName>
    <definedName name="物件費０４税額_39">#REF!</definedName>
    <definedName name="物件費０４税額_4">#REF!</definedName>
    <definedName name="物件費０４税額_40">#REF!</definedName>
    <definedName name="物件費０４税額_41">#REF!</definedName>
    <definedName name="物件費０４税額_42">#REF!</definedName>
    <definedName name="物件費０４税額_43">#REF!</definedName>
    <definedName name="物件費０４税額_44">#REF!</definedName>
    <definedName name="物件費０４税額_45">#REF!</definedName>
    <definedName name="物件費０４税額_46">#REF!</definedName>
    <definedName name="物件費０４税額_5">#REF!</definedName>
    <definedName name="物件費０４税額_6">#REF!</definedName>
    <definedName name="物件費０４税額_7">#REF!</definedName>
    <definedName name="物件費０４税額_8">#REF!</definedName>
    <definedName name="物件費０４税額_9">#REF!</definedName>
    <definedName name="物件費０５金額_1">#REF!</definedName>
    <definedName name="物件費０５金額_10">#REF!</definedName>
    <definedName name="物件費０５金額_11">#REF!</definedName>
    <definedName name="物件費０５金額_12">#REF!</definedName>
    <definedName name="物件費０５金額_13">#REF!</definedName>
    <definedName name="物件費０５金額_14">#REF!</definedName>
    <definedName name="物件費０５金額_15">#REF!</definedName>
    <definedName name="物件費０５金額_16">#REF!</definedName>
    <definedName name="物件費０５金額_17">#REF!</definedName>
    <definedName name="物件費０５金額_18">#REF!</definedName>
    <definedName name="物件費０５金額_19">#REF!</definedName>
    <definedName name="物件費０５金額_2">#REF!</definedName>
    <definedName name="物件費０５金額_20">#REF!</definedName>
    <definedName name="物件費０５金額_21">#REF!</definedName>
    <definedName name="物件費０５金額_22">#REF!</definedName>
    <definedName name="物件費０５金額_23">#REF!</definedName>
    <definedName name="物件費０５金額_24">#REF!</definedName>
    <definedName name="物件費０５金額_25">#REF!</definedName>
    <definedName name="物件費０５金額_26">#REF!</definedName>
    <definedName name="物件費０５金額_27">#REF!</definedName>
    <definedName name="物件費０５金額_28">#REF!</definedName>
    <definedName name="物件費０５金額_29">#REF!</definedName>
    <definedName name="物件費０５金額_3">#REF!</definedName>
    <definedName name="物件費０５金額_30">#REF!</definedName>
    <definedName name="物件費０５金額_31">#REF!</definedName>
    <definedName name="物件費０５金額_32">#REF!</definedName>
    <definedName name="物件費０５金額_33">#REF!</definedName>
    <definedName name="物件費０５金額_34">#REF!</definedName>
    <definedName name="物件費０５金額_35">#REF!</definedName>
    <definedName name="物件費０５金額_36">#REF!</definedName>
    <definedName name="物件費０５金額_37">#REF!</definedName>
    <definedName name="物件費０５金額_38">#REF!</definedName>
    <definedName name="物件費０５金額_39">#REF!</definedName>
    <definedName name="物件費０５金額_4">#REF!</definedName>
    <definedName name="物件費０５金額_40">#REF!</definedName>
    <definedName name="物件費０５金額_41">#REF!</definedName>
    <definedName name="物件費０５金額_42">#REF!</definedName>
    <definedName name="物件費０５金額_43">#REF!</definedName>
    <definedName name="物件費０５金額_44">#REF!</definedName>
    <definedName name="物件費０５金額_45">#REF!</definedName>
    <definedName name="物件費０５金額_46">#REF!</definedName>
    <definedName name="物件費０５金額_5">#REF!</definedName>
    <definedName name="物件費０５金額_6">#REF!</definedName>
    <definedName name="物件費０５金額_7">#REF!</definedName>
    <definedName name="物件費０５金額_8">#REF!</definedName>
    <definedName name="物件費０５金額_9">#REF!</definedName>
    <definedName name="物件費０５税額_1">#REF!</definedName>
    <definedName name="物件費０５税額_10">#REF!</definedName>
    <definedName name="物件費０５税額_11">#REF!</definedName>
    <definedName name="物件費０５税額_12">#REF!</definedName>
    <definedName name="物件費０５税額_13">#REF!</definedName>
    <definedName name="物件費０５税額_14">#REF!</definedName>
    <definedName name="物件費０５税額_15">#REF!</definedName>
    <definedName name="物件費０５税額_16">#REF!</definedName>
    <definedName name="物件費０５税額_17">#REF!</definedName>
    <definedName name="物件費０５税額_18">#REF!</definedName>
    <definedName name="物件費０５税額_19">#REF!</definedName>
    <definedName name="物件費０５税額_2">#REF!</definedName>
    <definedName name="物件費０５税額_20">#REF!</definedName>
    <definedName name="物件費０５税額_21">#REF!</definedName>
    <definedName name="物件費０５税額_22">#REF!</definedName>
    <definedName name="物件費０５税額_23">#REF!</definedName>
    <definedName name="物件費０５税額_24">#REF!</definedName>
    <definedName name="物件費０５税額_25">#REF!</definedName>
    <definedName name="物件費０５税額_26">#REF!</definedName>
    <definedName name="物件費０５税額_27">#REF!</definedName>
    <definedName name="物件費０５税額_28">#REF!</definedName>
    <definedName name="物件費０５税額_29">#REF!</definedName>
    <definedName name="物件費０５税額_3">#REF!</definedName>
    <definedName name="物件費０５税額_30">#REF!</definedName>
    <definedName name="物件費０５税額_31">#REF!</definedName>
    <definedName name="物件費０５税額_32">#REF!</definedName>
    <definedName name="物件費０５税額_33">#REF!</definedName>
    <definedName name="物件費０５税額_34">#REF!</definedName>
    <definedName name="物件費０５税額_35">#REF!</definedName>
    <definedName name="物件費０５税額_36">#REF!</definedName>
    <definedName name="物件費０５税額_37">#REF!</definedName>
    <definedName name="物件費０５税額_38">#REF!</definedName>
    <definedName name="物件費０５税額_39">#REF!</definedName>
    <definedName name="物件費０５税額_4">#REF!</definedName>
    <definedName name="物件費０５税額_40">#REF!</definedName>
    <definedName name="物件費０５税額_41">#REF!</definedName>
    <definedName name="物件費０５税額_42">#REF!</definedName>
    <definedName name="物件費０５税額_43">#REF!</definedName>
    <definedName name="物件費０５税額_44">#REF!</definedName>
    <definedName name="物件費０５税額_45">#REF!</definedName>
    <definedName name="物件費０５税額_46">#REF!</definedName>
    <definedName name="物件費０５税額_5">#REF!</definedName>
    <definedName name="物件費０５税額_6">#REF!</definedName>
    <definedName name="物件費０５税額_7">#REF!</definedName>
    <definedName name="物件費０５税額_8">#REF!</definedName>
    <definedName name="物件費０５税額_9">#REF!</definedName>
    <definedName name="物件費０６金額_1">#REF!</definedName>
    <definedName name="物件費０６金額_10">#REF!</definedName>
    <definedName name="物件費０６金額_11">#REF!</definedName>
    <definedName name="物件費０６金額_12">#REF!</definedName>
    <definedName name="物件費０６金額_13">#REF!</definedName>
    <definedName name="物件費０６金額_14">#REF!</definedName>
    <definedName name="物件費０６金額_15">#REF!</definedName>
    <definedName name="物件費０６金額_16">#REF!</definedName>
    <definedName name="物件費０６金額_17">#REF!</definedName>
    <definedName name="物件費０６金額_18">#REF!</definedName>
    <definedName name="物件費０６金額_19">#REF!</definedName>
    <definedName name="物件費０６金額_2">#REF!</definedName>
    <definedName name="物件費０６金額_20">#REF!</definedName>
    <definedName name="物件費０６金額_21">#REF!</definedName>
    <definedName name="物件費０６金額_22">#REF!</definedName>
    <definedName name="物件費０６金額_23">#REF!</definedName>
    <definedName name="物件費０６金額_24">#REF!</definedName>
    <definedName name="物件費０６金額_25">#REF!</definedName>
    <definedName name="物件費０６金額_26">#REF!</definedName>
    <definedName name="物件費０６金額_27">#REF!</definedName>
    <definedName name="物件費０６金額_28">#REF!</definedName>
    <definedName name="物件費０６金額_29">#REF!</definedName>
    <definedName name="物件費０６金額_3">#REF!</definedName>
    <definedName name="物件費０６金額_30">#REF!</definedName>
    <definedName name="物件費０６金額_31">#REF!</definedName>
    <definedName name="物件費０６金額_32">#REF!</definedName>
    <definedName name="物件費０６金額_33">#REF!</definedName>
    <definedName name="物件費０６金額_34">#REF!</definedName>
    <definedName name="物件費０６金額_35">#REF!</definedName>
    <definedName name="物件費０６金額_36">#REF!</definedName>
    <definedName name="物件費０６金額_37">#REF!</definedName>
    <definedName name="物件費０６金額_38">#REF!</definedName>
    <definedName name="物件費０６金額_39">#REF!</definedName>
    <definedName name="物件費０６金額_4">#REF!</definedName>
    <definedName name="物件費０６金額_40">#REF!</definedName>
    <definedName name="物件費０６金額_41">#REF!</definedName>
    <definedName name="物件費０６金額_42">#REF!</definedName>
    <definedName name="物件費０６金額_43">#REF!</definedName>
    <definedName name="物件費０６金額_44">#REF!</definedName>
    <definedName name="物件費０６金額_45">#REF!</definedName>
    <definedName name="物件費０６金額_46">#REF!</definedName>
    <definedName name="物件費０６金額_5">#REF!</definedName>
    <definedName name="物件費０６金額_6">#REF!</definedName>
    <definedName name="物件費０６金額_7">#REF!</definedName>
    <definedName name="物件費０６金額_8">#REF!</definedName>
    <definedName name="物件費０６金額_9">#REF!</definedName>
    <definedName name="物件費０６税額_1">#REF!</definedName>
    <definedName name="物件費０６税額_10">#REF!</definedName>
    <definedName name="物件費０６税額_11">#REF!</definedName>
    <definedName name="物件費０６税額_12">#REF!</definedName>
    <definedName name="物件費０６税額_13">#REF!</definedName>
    <definedName name="物件費０６税額_14">#REF!</definedName>
    <definedName name="物件費０６税額_15">#REF!</definedName>
    <definedName name="物件費０６税額_16">#REF!</definedName>
    <definedName name="物件費０６税額_17">#REF!</definedName>
    <definedName name="物件費０６税額_18">#REF!</definedName>
    <definedName name="物件費０６税額_19">#REF!</definedName>
    <definedName name="物件費０６税額_2">#REF!</definedName>
    <definedName name="物件費０６税額_20">#REF!</definedName>
    <definedName name="物件費０６税額_21">#REF!</definedName>
    <definedName name="物件費０６税額_22">#REF!</definedName>
    <definedName name="物件費０６税額_23">#REF!</definedName>
    <definedName name="物件費０６税額_24">#REF!</definedName>
    <definedName name="物件費０６税額_25">#REF!</definedName>
    <definedName name="物件費０６税額_26">#REF!</definedName>
    <definedName name="物件費０６税額_27">#REF!</definedName>
    <definedName name="物件費０６税額_28">#REF!</definedName>
    <definedName name="物件費０６税額_29">#REF!</definedName>
    <definedName name="物件費０６税額_3">#REF!</definedName>
    <definedName name="物件費０６税額_30">#REF!</definedName>
    <definedName name="物件費０６税額_31">#REF!</definedName>
    <definedName name="物件費０６税額_32">#REF!</definedName>
    <definedName name="物件費０６税額_33">#REF!</definedName>
    <definedName name="物件費０６税額_34">#REF!</definedName>
    <definedName name="物件費０６税額_35">#REF!</definedName>
    <definedName name="物件費０６税額_36">#REF!</definedName>
    <definedName name="物件費０６税額_37">#REF!</definedName>
    <definedName name="物件費０６税額_38">#REF!</definedName>
    <definedName name="物件費０６税額_39">#REF!</definedName>
    <definedName name="物件費０６税額_4">#REF!</definedName>
    <definedName name="物件費０６税額_40">#REF!</definedName>
    <definedName name="物件費０６税額_41">#REF!</definedName>
    <definedName name="物件費０６税額_42">#REF!</definedName>
    <definedName name="物件費０６税額_43">#REF!</definedName>
    <definedName name="物件費０６税額_44">#REF!</definedName>
    <definedName name="物件費０６税額_45">#REF!</definedName>
    <definedName name="物件費０６税額_46">#REF!</definedName>
    <definedName name="物件費０６税額_5">#REF!</definedName>
    <definedName name="物件費０６税額_6">#REF!</definedName>
    <definedName name="物件費０６税額_7">#REF!</definedName>
    <definedName name="物件費０６税額_8">#REF!</definedName>
    <definedName name="物件費０６税額_9">#REF!</definedName>
    <definedName name="物件費０７金額_1">#REF!</definedName>
    <definedName name="物件費０７金額_10">#REF!</definedName>
    <definedName name="物件費０７金額_11">#REF!</definedName>
    <definedName name="物件費０７金額_12">#REF!</definedName>
    <definedName name="物件費０７金額_13">#REF!</definedName>
    <definedName name="物件費０７金額_14">#REF!</definedName>
    <definedName name="物件費０７金額_15">#REF!</definedName>
    <definedName name="物件費０７金額_16">#REF!</definedName>
    <definedName name="物件費０７金額_17">#REF!</definedName>
    <definedName name="物件費０７金額_18">#REF!</definedName>
    <definedName name="物件費０７金額_19">#REF!</definedName>
    <definedName name="物件費０７金額_2">#REF!</definedName>
    <definedName name="物件費０７金額_20">#REF!</definedName>
    <definedName name="物件費０７金額_21">#REF!</definedName>
    <definedName name="物件費０７金額_22">#REF!</definedName>
    <definedName name="物件費０７金額_23">#REF!</definedName>
    <definedName name="物件費０７金額_24">#REF!</definedName>
    <definedName name="物件費０７金額_25">#REF!</definedName>
    <definedName name="物件費０７金額_26">#REF!</definedName>
    <definedName name="物件費０７金額_27">#REF!</definedName>
    <definedName name="物件費０７金額_28">#REF!</definedName>
    <definedName name="物件費０７金額_29">#REF!</definedName>
    <definedName name="物件費０７金額_3">#REF!</definedName>
    <definedName name="物件費０７金額_30">#REF!</definedName>
    <definedName name="物件費０７金額_31">#REF!</definedName>
    <definedName name="物件費０７金額_32">#REF!</definedName>
    <definedName name="物件費０７金額_33">#REF!</definedName>
    <definedName name="物件費０７金額_34">#REF!</definedName>
    <definedName name="物件費０７金額_35">#REF!</definedName>
    <definedName name="物件費０７金額_36">#REF!</definedName>
    <definedName name="物件費０７金額_37">#REF!</definedName>
    <definedName name="物件費０７金額_38">#REF!</definedName>
    <definedName name="物件費０７金額_39">#REF!</definedName>
    <definedName name="物件費０７金額_4">#REF!</definedName>
    <definedName name="物件費０７金額_40">#REF!</definedName>
    <definedName name="物件費０７金額_41">#REF!</definedName>
    <definedName name="物件費０７金額_42">#REF!</definedName>
    <definedName name="物件費０７金額_43">#REF!</definedName>
    <definedName name="物件費０７金額_44">#REF!</definedName>
    <definedName name="物件費０７金額_45">#REF!</definedName>
    <definedName name="物件費０７金額_46">#REF!</definedName>
    <definedName name="物件費０７金額_5">#REF!</definedName>
    <definedName name="物件費０７金額_6">#REF!</definedName>
    <definedName name="物件費０７金額_7">#REF!</definedName>
    <definedName name="物件費０７金額_8">#REF!</definedName>
    <definedName name="物件費０７金額_9">#REF!</definedName>
    <definedName name="物件費０７税額_1">#REF!</definedName>
    <definedName name="物件費０７税額_10">#REF!</definedName>
    <definedName name="物件費０７税額_11">#REF!</definedName>
    <definedName name="物件費０７税額_12">#REF!</definedName>
    <definedName name="物件費０７税額_13">#REF!</definedName>
    <definedName name="物件費０７税額_14">#REF!</definedName>
    <definedName name="物件費０７税額_15">#REF!</definedName>
    <definedName name="物件費０７税額_16">#REF!</definedName>
    <definedName name="物件費０７税額_17">#REF!</definedName>
    <definedName name="物件費０７税額_18">#REF!</definedName>
    <definedName name="物件費０７税額_19">#REF!</definedName>
    <definedName name="物件費０７税額_2">#REF!</definedName>
    <definedName name="物件費０７税額_20">#REF!</definedName>
    <definedName name="物件費０７税額_21">#REF!</definedName>
    <definedName name="物件費０７税額_22">#REF!</definedName>
    <definedName name="物件費０７税額_23">#REF!</definedName>
    <definedName name="物件費０７税額_24">#REF!</definedName>
    <definedName name="物件費０７税額_25">#REF!</definedName>
    <definedName name="物件費０７税額_26">#REF!</definedName>
    <definedName name="物件費０７税額_27">#REF!</definedName>
    <definedName name="物件費０７税額_28">#REF!</definedName>
    <definedName name="物件費０７税額_29">#REF!</definedName>
    <definedName name="物件費０７税額_3">#REF!</definedName>
    <definedName name="物件費０７税額_30">#REF!</definedName>
    <definedName name="物件費０７税額_31">#REF!</definedName>
    <definedName name="物件費０７税額_32">#REF!</definedName>
    <definedName name="物件費０７税額_33">#REF!</definedName>
    <definedName name="物件費０７税額_34">#REF!</definedName>
    <definedName name="物件費０７税額_35">#REF!</definedName>
    <definedName name="物件費０７税額_36">#REF!</definedName>
    <definedName name="物件費０７税額_37">#REF!</definedName>
    <definedName name="物件費０７税額_38">#REF!</definedName>
    <definedName name="物件費０７税額_39">#REF!</definedName>
    <definedName name="物件費０７税額_4">#REF!</definedName>
    <definedName name="物件費０７税額_40">#REF!</definedName>
    <definedName name="物件費０７税額_41">#REF!</definedName>
    <definedName name="物件費０７税額_42">#REF!</definedName>
    <definedName name="物件費０７税額_43">#REF!</definedName>
    <definedName name="物件費０７税額_44">#REF!</definedName>
    <definedName name="物件費０７税額_45">#REF!</definedName>
    <definedName name="物件費０７税額_46">#REF!</definedName>
    <definedName name="物件費０７税額_5">#REF!</definedName>
    <definedName name="物件費０７税額_6">#REF!</definedName>
    <definedName name="物件費０７税額_7">#REF!</definedName>
    <definedName name="物件費０７税額_8">#REF!</definedName>
    <definedName name="物件費０７税額_9">#REF!</definedName>
    <definedName name="物件費０８金額_1">#REF!</definedName>
    <definedName name="物件費０８金額_10">#REF!</definedName>
    <definedName name="物件費０８金額_11">#REF!</definedName>
    <definedName name="物件費０８金額_12">#REF!</definedName>
    <definedName name="物件費０８金額_13">#REF!</definedName>
    <definedName name="物件費０８金額_14">#REF!</definedName>
    <definedName name="物件費０８金額_15">#REF!</definedName>
    <definedName name="物件費０８金額_16">#REF!</definedName>
    <definedName name="物件費０８金額_17">#REF!</definedName>
    <definedName name="物件費０８金額_18">#REF!</definedName>
    <definedName name="物件費０８金額_19">#REF!</definedName>
    <definedName name="物件費０８金額_2">#REF!</definedName>
    <definedName name="物件費０８金額_20">#REF!</definedName>
    <definedName name="物件費０８金額_21">#REF!</definedName>
    <definedName name="物件費０８金額_22">#REF!</definedName>
    <definedName name="物件費０８金額_23">#REF!</definedName>
    <definedName name="物件費０８金額_24">#REF!</definedName>
    <definedName name="物件費０８金額_25">#REF!</definedName>
    <definedName name="物件費０８金額_26">#REF!</definedName>
    <definedName name="物件費０８金額_27">#REF!</definedName>
    <definedName name="物件費０８金額_28">#REF!</definedName>
    <definedName name="物件費０８金額_29">#REF!</definedName>
    <definedName name="物件費０８金額_3">#REF!</definedName>
    <definedName name="物件費０８金額_30">#REF!</definedName>
    <definedName name="物件費０８金額_31">#REF!</definedName>
    <definedName name="物件費０８金額_32">#REF!</definedName>
    <definedName name="物件費０８金額_33">#REF!</definedName>
    <definedName name="物件費０８金額_34">#REF!</definedName>
    <definedName name="物件費０８金額_35">#REF!</definedName>
    <definedName name="物件費０８金額_36">#REF!</definedName>
    <definedName name="物件費０８金額_37">#REF!</definedName>
    <definedName name="物件費０８金額_38">#REF!</definedName>
    <definedName name="物件費０８金額_39">#REF!</definedName>
    <definedName name="物件費０８金額_4">#REF!</definedName>
    <definedName name="物件費０８金額_40">#REF!</definedName>
    <definedName name="物件費０８金額_41">#REF!</definedName>
    <definedName name="物件費０８金額_42">#REF!</definedName>
    <definedName name="物件費０８金額_43">#REF!</definedName>
    <definedName name="物件費０８金額_44">#REF!</definedName>
    <definedName name="物件費０８金額_45">#REF!</definedName>
    <definedName name="物件費０８金額_46">#REF!</definedName>
    <definedName name="物件費０８金額_5">#REF!</definedName>
    <definedName name="物件費０８金額_6">#REF!</definedName>
    <definedName name="物件費０８金額_7">#REF!</definedName>
    <definedName name="物件費０８金額_8">#REF!</definedName>
    <definedName name="物件費０８金額_9">#REF!</definedName>
    <definedName name="物件費０８税額_1">#REF!</definedName>
    <definedName name="物件費０８税額_10">#REF!</definedName>
    <definedName name="物件費０８税額_11">#REF!</definedName>
    <definedName name="物件費０８税額_12">#REF!</definedName>
    <definedName name="物件費０８税額_13">#REF!</definedName>
    <definedName name="物件費０８税額_14">#REF!</definedName>
    <definedName name="物件費０８税額_15">#REF!</definedName>
    <definedName name="物件費０８税額_16">#REF!</definedName>
    <definedName name="物件費０８税額_17">#REF!</definedName>
    <definedName name="物件費０８税額_18">#REF!</definedName>
    <definedName name="物件費０８税額_19">#REF!</definedName>
    <definedName name="物件費０８税額_2">#REF!</definedName>
    <definedName name="物件費０８税額_20">#REF!</definedName>
    <definedName name="物件費０８税額_21">#REF!</definedName>
    <definedName name="物件費０８税額_22">#REF!</definedName>
    <definedName name="物件費０８税額_23">#REF!</definedName>
    <definedName name="物件費０８税額_24">#REF!</definedName>
    <definedName name="物件費０８税額_25">#REF!</definedName>
    <definedName name="物件費０８税額_26">#REF!</definedName>
    <definedName name="物件費０８税額_27">#REF!</definedName>
    <definedName name="物件費０８税額_28">#REF!</definedName>
    <definedName name="物件費０８税額_29">#REF!</definedName>
    <definedName name="物件費０８税額_3">#REF!</definedName>
    <definedName name="物件費０８税額_30">#REF!</definedName>
    <definedName name="物件費０８税額_31">#REF!</definedName>
    <definedName name="物件費０８税額_32">#REF!</definedName>
    <definedName name="物件費０８税額_33">#REF!</definedName>
    <definedName name="物件費０８税額_34">#REF!</definedName>
    <definedName name="物件費０８税額_35">#REF!</definedName>
    <definedName name="物件費０８税額_36">#REF!</definedName>
    <definedName name="物件費０８税額_37">#REF!</definedName>
    <definedName name="物件費０８税額_38">#REF!</definedName>
    <definedName name="物件費０８税額_39">#REF!</definedName>
    <definedName name="物件費０８税額_4">#REF!</definedName>
    <definedName name="物件費０８税額_40">#REF!</definedName>
    <definedName name="物件費０８税額_41">#REF!</definedName>
    <definedName name="物件費０８税額_42">#REF!</definedName>
    <definedName name="物件費０８税額_43">#REF!</definedName>
    <definedName name="物件費０８税額_44">#REF!</definedName>
    <definedName name="物件費０８税額_45">#REF!</definedName>
    <definedName name="物件費０８税額_46">#REF!</definedName>
    <definedName name="物件費０８税額_5">#REF!</definedName>
    <definedName name="物件費０８税額_6">#REF!</definedName>
    <definedName name="物件費０８税額_7">#REF!</definedName>
    <definedName name="物件費０８税額_8">#REF!</definedName>
    <definedName name="物件費０８税額_9">#REF!</definedName>
    <definedName name="物件費０９金額_1">#REF!</definedName>
    <definedName name="物件費０９金額_10">#REF!</definedName>
    <definedName name="物件費０９金額_11">#REF!</definedName>
    <definedName name="物件費０９金額_12">#REF!</definedName>
    <definedName name="物件費０９金額_13">#REF!</definedName>
    <definedName name="物件費０９金額_14">#REF!</definedName>
    <definedName name="物件費０９金額_15">#REF!</definedName>
    <definedName name="物件費０９金額_16">#REF!</definedName>
    <definedName name="物件費０９金額_17">#REF!</definedName>
    <definedName name="物件費０９金額_18">#REF!</definedName>
    <definedName name="物件費０９金額_19">#REF!</definedName>
    <definedName name="物件費０９金額_2">#REF!</definedName>
    <definedName name="物件費０９金額_20">#REF!</definedName>
    <definedName name="物件費０９金額_21">#REF!</definedName>
    <definedName name="物件費０９金額_22">#REF!</definedName>
    <definedName name="物件費０９金額_23">#REF!</definedName>
    <definedName name="物件費０９金額_24">#REF!</definedName>
    <definedName name="物件費０９金額_25">#REF!</definedName>
    <definedName name="物件費０９金額_26">#REF!</definedName>
    <definedName name="物件費０９金額_27">#REF!</definedName>
    <definedName name="物件費０９金額_28">#REF!</definedName>
    <definedName name="物件費０９金額_29">#REF!</definedName>
    <definedName name="物件費０９金額_3">#REF!</definedName>
    <definedName name="物件費０９金額_30">#REF!</definedName>
    <definedName name="物件費０９金額_31">#REF!</definedName>
    <definedName name="物件費０９金額_32">#REF!</definedName>
    <definedName name="物件費０９金額_33">#REF!</definedName>
    <definedName name="物件費０９金額_34">#REF!</definedName>
    <definedName name="物件費０９金額_35">#REF!</definedName>
    <definedName name="物件費０９金額_36">#REF!</definedName>
    <definedName name="物件費０９金額_37">#REF!</definedName>
    <definedName name="物件費０９金額_38">#REF!</definedName>
    <definedName name="物件費０９金額_39">#REF!</definedName>
    <definedName name="物件費０９金額_4">#REF!</definedName>
    <definedName name="物件費０９金額_40">#REF!</definedName>
    <definedName name="物件費０９金額_41">#REF!</definedName>
    <definedName name="物件費０９金額_42">#REF!</definedName>
    <definedName name="物件費０９金額_43">#REF!</definedName>
    <definedName name="物件費０９金額_44">#REF!</definedName>
    <definedName name="物件費０９金額_45">#REF!</definedName>
    <definedName name="物件費０９金額_46">#REF!</definedName>
    <definedName name="物件費０９金額_5">#REF!</definedName>
    <definedName name="物件費０９金額_6">#REF!</definedName>
    <definedName name="物件費０９金額_7">#REF!</definedName>
    <definedName name="物件費０９金額_8">#REF!</definedName>
    <definedName name="物件費０９金額_9">#REF!</definedName>
    <definedName name="物件費０９税額_1">#REF!</definedName>
    <definedName name="物件費０９税額_10">#REF!</definedName>
    <definedName name="物件費０９税額_11">#REF!</definedName>
    <definedName name="物件費０９税額_12">#REF!</definedName>
    <definedName name="物件費０９税額_13">#REF!</definedName>
    <definedName name="物件費０９税額_14">#REF!</definedName>
    <definedName name="物件費０９税額_15">#REF!</definedName>
    <definedName name="物件費０９税額_16">#REF!</definedName>
    <definedName name="物件費０９税額_17">#REF!</definedName>
    <definedName name="物件費０９税額_18">#REF!</definedName>
    <definedName name="物件費０９税額_19">#REF!</definedName>
    <definedName name="物件費０９税額_2">#REF!</definedName>
    <definedName name="物件費０９税額_20">#REF!</definedName>
    <definedName name="物件費０９税額_21">#REF!</definedName>
    <definedName name="物件費０９税額_22">#REF!</definedName>
    <definedName name="物件費０９税額_23">#REF!</definedName>
    <definedName name="物件費０９税額_24">#REF!</definedName>
    <definedName name="物件費０９税額_25">#REF!</definedName>
    <definedName name="物件費０９税額_26">#REF!</definedName>
    <definedName name="物件費０９税額_27">#REF!</definedName>
    <definedName name="物件費０９税額_28">#REF!</definedName>
    <definedName name="物件費０９税額_29">#REF!</definedName>
    <definedName name="物件費０９税額_3">#REF!</definedName>
    <definedName name="物件費０９税額_30">#REF!</definedName>
    <definedName name="物件費０９税額_31">#REF!</definedName>
    <definedName name="物件費０９税額_32">#REF!</definedName>
    <definedName name="物件費０９税額_33">#REF!</definedName>
    <definedName name="物件費０９税額_34">#REF!</definedName>
    <definedName name="物件費０９税額_35">#REF!</definedName>
    <definedName name="物件費０９税額_36">#REF!</definedName>
    <definedName name="物件費０９税額_37">#REF!</definedName>
    <definedName name="物件費０９税額_38">#REF!</definedName>
    <definedName name="物件費０９税額_39">#REF!</definedName>
    <definedName name="物件費０９税額_4">#REF!</definedName>
    <definedName name="物件費０９税額_40">#REF!</definedName>
    <definedName name="物件費０９税額_41">#REF!</definedName>
    <definedName name="物件費０９税額_42">#REF!</definedName>
    <definedName name="物件費０９税額_43">#REF!</definedName>
    <definedName name="物件費０９税額_44">#REF!</definedName>
    <definedName name="物件費０９税額_45">#REF!</definedName>
    <definedName name="物件費０９税額_46">#REF!</definedName>
    <definedName name="物件費０９税額_5">#REF!</definedName>
    <definedName name="物件費０９税額_6">#REF!</definedName>
    <definedName name="物件費０９税額_7">#REF!</definedName>
    <definedName name="物件費０９税額_8">#REF!</definedName>
    <definedName name="物件費０９税額_9">#REF!</definedName>
    <definedName name="物件費１０金額_1">#REF!</definedName>
    <definedName name="物件費１０金額_10">#REF!</definedName>
    <definedName name="物件費１０金額_11">#REF!</definedName>
    <definedName name="物件費１０金額_12">#REF!</definedName>
    <definedName name="物件費１０金額_13">#REF!</definedName>
    <definedName name="物件費１０金額_14">#REF!</definedName>
    <definedName name="物件費１０金額_15">#REF!</definedName>
    <definedName name="物件費１０金額_16">#REF!</definedName>
    <definedName name="物件費１０金額_17">#REF!</definedName>
    <definedName name="物件費１０金額_18">#REF!</definedName>
    <definedName name="物件費１０金額_19">#REF!</definedName>
    <definedName name="物件費１０金額_2">#REF!</definedName>
    <definedName name="物件費１０金額_20">#REF!</definedName>
    <definedName name="物件費１０金額_21">#REF!</definedName>
    <definedName name="物件費１０金額_22">#REF!</definedName>
    <definedName name="物件費１０金額_23">#REF!</definedName>
    <definedName name="物件費１０金額_24">#REF!</definedName>
    <definedName name="物件費１０金額_25">#REF!</definedName>
    <definedName name="物件費１０金額_26">#REF!</definedName>
    <definedName name="物件費１０金額_27">#REF!</definedName>
    <definedName name="物件費１０金額_28">#REF!</definedName>
    <definedName name="物件費１０金額_29">#REF!</definedName>
    <definedName name="物件費１０金額_3">#REF!</definedName>
    <definedName name="物件費１０金額_30">#REF!</definedName>
    <definedName name="物件費１０金額_31">#REF!</definedName>
    <definedName name="物件費１０金額_32">#REF!</definedName>
    <definedName name="物件費１０金額_33">#REF!</definedName>
    <definedName name="物件費１０金額_34">#REF!</definedName>
    <definedName name="物件費１０金額_35">#REF!</definedName>
    <definedName name="物件費１０金額_36">#REF!</definedName>
    <definedName name="物件費１０金額_37">#REF!</definedName>
    <definedName name="物件費１０金額_38">#REF!</definedName>
    <definedName name="物件費１０金額_39">#REF!</definedName>
    <definedName name="物件費１０金額_4">#REF!</definedName>
    <definedName name="物件費１０金額_40">#REF!</definedName>
    <definedName name="物件費１０金額_41">#REF!</definedName>
    <definedName name="物件費１０金額_42">#REF!</definedName>
    <definedName name="物件費１０金額_43">#REF!</definedName>
    <definedName name="物件費１０金額_44">#REF!</definedName>
    <definedName name="物件費１０金額_45">#REF!</definedName>
    <definedName name="物件費１０金額_46">#REF!</definedName>
    <definedName name="物件費１０金額_5">#REF!</definedName>
    <definedName name="物件費１０金額_6">#REF!</definedName>
    <definedName name="物件費１０金額_7">#REF!</definedName>
    <definedName name="物件費１０金額_8">#REF!</definedName>
    <definedName name="物件費１０金額_9">#REF!</definedName>
    <definedName name="物件費１０税額_1">#REF!</definedName>
    <definedName name="物件費１０税額_10">#REF!</definedName>
    <definedName name="物件費１０税額_11">#REF!</definedName>
    <definedName name="物件費１０税額_12">#REF!</definedName>
    <definedName name="物件費１０税額_13">#REF!</definedName>
    <definedName name="物件費１０税額_14">#REF!</definedName>
    <definedName name="物件費１０税額_15">#REF!</definedName>
    <definedName name="物件費１０税額_16">#REF!</definedName>
    <definedName name="物件費１０税額_17">#REF!</definedName>
    <definedName name="物件費１０税額_18">#REF!</definedName>
    <definedName name="物件費１０税額_19">#REF!</definedName>
    <definedName name="物件費１０税額_2">#REF!</definedName>
    <definedName name="物件費１０税額_20">#REF!</definedName>
    <definedName name="物件費１０税額_21">#REF!</definedName>
    <definedName name="物件費１０税額_22">#REF!</definedName>
    <definedName name="物件費１０税額_23">#REF!</definedName>
    <definedName name="物件費１０税額_24">#REF!</definedName>
    <definedName name="物件費１０税額_25">#REF!</definedName>
    <definedName name="物件費１０税額_26">#REF!</definedName>
    <definedName name="物件費１０税額_27">#REF!</definedName>
    <definedName name="物件費１０税額_28">#REF!</definedName>
    <definedName name="物件費１０税額_29">#REF!</definedName>
    <definedName name="物件費１０税額_3">#REF!</definedName>
    <definedName name="物件費１０税額_30">#REF!</definedName>
    <definedName name="物件費１０税額_31">#REF!</definedName>
    <definedName name="物件費１０税額_32">#REF!</definedName>
    <definedName name="物件費１０税額_33">#REF!</definedName>
    <definedName name="物件費１０税額_34">#REF!</definedName>
    <definedName name="物件費１０税額_35">#REF!</definedName>
    <definedName name="物件費１０税額_36">#REF!</definedName>
    <definedName name="物件費１０税額_37">#REF!</definedName>
    <definedName name="物件費１０税額_38">#REF!</definedName>
    <definedName name="物件費１０税額_39">#REF!</definedName>
    <definedName name="物件費１０税額_4">#REF!</definedName>
    <definedName name="物件費１０税額_40">#REF!</definedName>
    <definedName name="物件費１０税額_41">#REF!</definedName>
    <definedName name="物件費１０税額_42">#REF!</definedName>
    <definedName name="物件費１０税額_43">#REF!</definedName>
    <definedName name="物件費１０税額_44">#REF!</definedName>
    <definedName name="物件費１０税額_45">#REF!</definedName>
    <definedName name="物件費１０税額_46">#REF!</definedName>
    <definedName name="物件費１０税額_5">#REF!</definedName>
    <definedName name="物件費１０税額_6">#REF!</definedName>
    <definedName name="物件費１０税額_7">#REF!</definedName>
    <definedName name="物件費１０税額_8">#REF!</definedName>
    <definedName name="物件費１０税額_9">#REF!</definedName>
    <definedName name="物件費左記以外金額_1">#REF!</definedName>
    <definedName name="物件費左記以外金額_10">#REF!</definedName>
    <definedName name="物件費左記以外金額_11">#REF!</definedName>
    <definedName name="物件費左記以外金額_12">#REF!</definedName>
    <definedName name="物件費左記以外金額_13">#REF!</definedName>
    <definedName name="物件費左記以外金額_14">#REF!</definedName>
    <definedName name="物件費左記以外金額_15">#REF!</definedName>
    <definedName name="物件費左記以外金額_16">#REF!</definedName>
    <definedName name="物件費左記以外金額_17">#REF!</definedName>
    <definedName name="物件費左記以外金額_18">#REF!</definedName>
    <definedName name="物件費左記以外金額_19">#REF!</definedName>
    <definedName name="物件費左記以外金額_2">#REF!</definedName>
    <definedName name="物件費左記以外金額_20">#REF!</definedName>
    <definedName name="物件費左記以外金額_21">#REF!</definedName>
    <definedName name="物件費左記以外金額_22">#REF!</definedName>
    <definedName name="物件費左記以外金額_23">#REF!</definedName>
    <definedName name="物件費左記以外金額_24">#REF!</definedName>
    <definedName name="物件費左記以外金額_25">#REF!</definedName>
    <definedName name="物件費左記以外金額_26">#REF!</definedName>
    <definedName name="物件費左記以外金額_27">#REF!</definedName>
    <definedName name="物件費左記以外金額_28">#REF!</definedName>
    <definedName name="物件費左記以外金額_29">#REF!</definedName>
    <definedName name="物件費左記以外金額_3">#REF!</definedName>
    <definedName name="物件費左記以外金額_30">#REF!</definedName>
    <definedName name="物件費左記以外金額_31">#REF!</definedName>
    <definedName name="物件費左記以外金額_32">#REF!</definedName>
    <definedName name="物件費左記以外金額_33">#REF!</definedName>
    <definedName name="物件費左記以外金額_34">#REF!</definedName>
    <definedName name="物件費左記以外金額_35">#REF!</definedName>
    <definedName name="物件費左記以外金額_36">#REF!</definedName>
    <definedName name="物件費左記以外金額_37">#REF!</definedName>
    <definedName name="物件費左記以外金額_38">#REF!</definedName>
    <definedName name="物件費左記以外金額_39">#REF!</definedName>
    <definedName name="物件費左記以外金額_4">#REF!</definedName>
    <definedName name="物件費左記以外金額_40">#REF!</definedName>
    <definedName name="物件費左記以外金額_41">#REF!</definedName>
    <definedName name="物件費左記以外金額_42">#REF!</definedName>
    <definedName name="物件費左記以外金額_43">#REF!</definedName>
    <definedName name="物件費左記以外金額_44">#REF!</definedName>
    <definedName name="物件費左記以外金額_45">#REF!</definedName>
    <definedName name="物件費左記以外金額_46">#REF!</definedName>
    <definedName name="物件費左記以外金額_5">#REF!</definedName>
    <definedName name="物件費左記以外金額_6">#REF!</definedName>
    <definedName name="物件費左記以外金額_7">#REF!</definedName>
    <definedName name="物件費左記以外金額_8">#REF!</definedName>
    <definedName name="物件費左記以外金額_9">#REF!</definedName>
    <definedName name="物件費左記以外税額_1">#REF!</definedName>
    <definedName name="物件費左記以外税額_10">#REF!</definedName>
    <definedName name="物件費左記以外税額_11">#REF!</definedName>
    <definedName name="物件費左記以外税額_12">#REF!</definedName>
    <definedName name="物件費左記以外税額_13">#REF!</definedName>
    <definedName name="物件費左記以外税額_14">#REF!</definedName>
    <definedName name="物件費左記以外税額_15">#REF!</definedName>
    <definedName name="物件費左記以外税額_16">#REF!</definedName>
    <definedName name="物件費左記以外税額_17">#REF!</definedName>
    <definedName name="物件費左記以外税額_18">#REF!</definedName>
    <definedName name="物件費左記以外税額_19">#REF!</definedName>
    <definedName name="物件費左記以外税額_2">#REF!</definedName>
    <definedName name="物件費左記以外税額_20">#REF!</definedName>
    <definedName name="物件費左記以外税額_21">#REF!</definedName>
    <definedName name="物件費左記以外税額_22">#REF!</definedName>
    <definedName name="物件費左記以外税額_23">#REF!</definedName>
    <definedName name="物件費左記以外税額_24">#REF!</definedName>
    <definedName name="物件費左記以外税額_25">#REF!</definedName>
    <definedName name="物件費左記以外税額_26">#REF!</definedName>
    <definedName name="物件費左記以外税額_27">#REF!</definedName>
    <definedName name="物件費左記以外税額_28">#REF!</definedName>
    <definedName name="物件費左記以外税額_29">#REF!</definedName>
    <definedName name="物件費左記以外税額_3">#REF!</definedName>
    <definedName name="物件費左記以外税額_30">#REF!</definedName>
    <definedName name="物件費左記以外税額_31">#REF!</definedName>
    <definedName name="物件費左記以外税額_32">#REF!</definedName>
    <definedName name="物件費左記以外税額_33">#REF!</definedName>
    <definedName name="物件費左記以外税額_34">#REF!</definedName>
    <definedName name="物件費左記以外税額_35">#REF!</definedName>
    <definedName name="物件費左記以外税額_36">#REF!</definedName>
    <definedName name="物件費左記以外税額_37">#REF!</definedName>
    <definedName name="物件費左記以外税額_38">#REF!</definedName>
    <definedName name="物件費左記以外税額_39">#REF!</definedName>
    <definedName name="物件費左記以外税額_4">#REF!</definedName>
    <definedName name="物件費左記以外税額_40">#REF!</definedName>
    <definedName name="物件費左記以外税額_41">#REF!</definedName>
    <definedName name="物件費左記以外税額_42">#REF!</definedName>
    <definedName name="物件費左記以外税額_43">#REF!</definedName>
    <definedName name="物件費左記以外税額_44">#REF!</definedName>
    <definedName name="物件費左記以外税額_45">#REF!</definedName>
    <definedName name="物件費左記以外税額_46">#REF!</definedName>
    <definedName name="物件費左記以外税額_5">#REF!</definedName>
    <definedName name="物件費左記以外税額_6">#REF!</definedName>
    <definedName name="物件費左記以外税額_7">#REF!</definedName>
    <definedName name="物件費左記以外税額_8">#REF!</definedName>
    <definedName name="物件費左記以外税額_9">#REF!</definedName>
    <definedName name="物件費名称_1">#REF!</definedName>
    <definedName name="物件費名称_10">#REF!</definedName>
    <definedName name="物件費名称_11">#REF!</definedName>
    <definedName name="物件費名称_12">#REF!</definedName>
    <definedName name="物件費名称_13">#REF!</definedName>
    <definedName name="物件費名称_14">#REF!</definedName>
    <definedName name="物件費名称_15">#REF!</definedName>
    <definedName name="物件費名称_16">#REF!</definedName>
    <definedName name="物件費名称_17">#REF!</definedName>
    <definedName name="物件費名称_18">#REF!</definedName>
    <definedName name="物件費名称_19">#REF!</definedName>
    <definedName name="物件費名称_2">#REF!</definedName>
    <definedName name="物件費名称_20">#REF!</definedName>
    <definedName name="物件費名称_21">#REF!</definedName>
    <definedName name="物件費名称_22">#REF!</definedName>
    <definedName name="物件費名称_23">#REF!</definedName>
    <definedName name="物件費名称_24">#REF!</definedName>
    <definedName name="物件費名称_25">#REF!</definedName>
    <definedName name="物件費名称_26">#REF!</definedName>
    <definedName name="物件費名称_27">#REF!</definedName>
    <definedName name="物件費名称_28">#REF!</definedName>
    <definedName name="物件費名称_29">#REF!</definedName>
    <definedName name="物件費名称_3">#REF!</definedName>
    <definedName name="物件費名称_30">#REF!</definedName>
    <definedName name="物件費名称_31">#REF!</definedName>
    <definedName name="物件費名称_32">#REF!</definedName>
    <definedName name="物件費名称_33">#REF!</definedName>
    <definedName name="物件費名称_34">#REF!</definedName>
    <definedName name="物件費名称_35">#REF!</definedName>
    <definedName name="物件費名称_36">#REF!</definedName>
    <definedName name="物件費名称_37">#REF!</definedName>
    <definedName name="物件費名称_38">#REF!</definedName>
    <definedName name="物件費名称_39">#REF!</definedName>
    <definedName name="物件費名称_4">#REF!</definedName>
    <definedName name="物件費名称_40">#REF!</definedName>
    <definedName name="物件費名称_41">#REF!</definedName>
    <definedName name="物件費名称_42">#REF!</definedName>
    <definedName name="物件費名称_43">#REF!</definedName>
    <definedName name="物件費名称_44">#REF!</definedName>
    <definedName name="物件費名称_45">#REF!</definedName>
    <definedName name="物件費名称_46">#REF!</definedName>
    <definedName name="物件費名称_5">#REF!</definedName>
    <definedName name="物件費名称_6">#REF!</definedName>
    <definedName name="物件費名称_7">#REF!</definedName>
    <definedName name="物件費名称_8">#REF!</definedName>
    <definedName name="物件費名称_9">#REF!</definedName>
    <definedName name="満期一括">#REF!</definedName>
    <definedName name="予算">#REF!</definedName>
    <definedName name="予備費金額">#REF!</definedName>
    <definedName name="予備費税額">#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53" i="3" l="1"/>
  <c r="I53" i="3" s="1"/>
  <c r="C45" i="3"/>
  <c r="I45" i="3" s="1"/>
  <c r="C40" i="3"/>
  <c r="I40" i="3" s="1"/>
  <c r="C33" i="3"/>
  <c r="I33" i="3" s="1"/>
  <c r="C30" i="3"/>
  <c r="I30" i="3" s="1"/>
  <c r="C24" i="3"/>
  <c r="I24" i="3" s="1"/>
  <c r="C14" i="3"/>
  <c r="I14" i="3" s="1"/>
  <c r="C8" i="3"/>
  <c r="I8" i="3" s="1"/>
  <c r="F2" i="3"/>
  <c r="C2" i="3" l="1"/>
  <c r="J2" i="3" s="1"/>
</calcChain>
</file>

<file path=xl/sharedStrings.xml><?xml version="1.0" encoding="utf-8"?>
<sst xmlns="http://schemas.openxmlformats.org/spreadsheetml/2006/main" count="137" uniqueCount="95">
  <si>
    <t>市民協働</t>
    <rPh sb="0" eb="2">
      <t>シミン</t>
    </rPh>
    <rPh sb="2" eb="4">
      <t>キョウドウ</t>
    </rPh>
    <phoneticPr fontId="5"/>
  </si>
  <si>
    <t>・区役所附設会館の使用取消にかかる既納使用料還付金（令和３年度以前申込分）</t>
    <rPh sb="9" eb="11">
      <t>シヨウ</t>
    </rPh>
    <rPh sb="11" eb="13">
      <t>トリケシ</t>
    </rPh>
    <rPh sb="17" eb="19">
      <t>キノウ</t>
    </rPh>
    <phoneticPr fontId="7"/>
  </si>
  <si>
    <t>使用料の還付金</t>
    <rPh sb="0" eb="2">
      <t>シヨウ</t>
    </rPh>
    <rPh sb="2" eb="3">
      <t>リョウ</t>
    </rPh>
    <rPh sb="4" eb="7">
      <t>カンプキン</t>
    </rPh>
    <phoneticPr fontId="9"/>
  </si>
  <si>
    <t>・市民のコミュニティ活動の拠点として、指定管理者による区役所附設会館の管理運営を行い、利用率の向上や地域コミュニティの活性化を図る。</t>
    <phoneticPr fontId="7"/>
  </si>
  <si>
    <t>区役所附設会館管理運営経費</t>
    <rPh sb="0" eb="3">
      <t>クヤクショ</t>
    </rPh>
    <rPh sb="3" eb="5">
      <t>フセツ</t>
    </rPh>
    <rPh sb="5" eb="7">
      <t>カイカン</t>
    </rPh>
    <rPh sb="7" eb="9">
      <t>カンリ</t>
    </rPh>
    <rPh sb="9" eb="11">
      <t>ウンエイ</t>
    </rPh>
    <rPh sb="11" eb="12">
      <t>キョウ</t>
    </rPh>
    <rPh sb="12" eb="13">
      <t>ヒ</t>
    </rPh>
    <phoneticPr fontId="9"/>
  </si>
  <si>
    <t>企画総務</t>
    <rPh sb="0" eb="2">
      <t>キカク</t>
    </rPh>
    <rPh sb="2" eb="4">
      <t>ソウム</t>
    </rPh>
    <phoneticPr fontId="5"/>
  </si>
  <si>
    <t>天王寺区庁舎管理及び運営経費</t>
    <rPh sb="0" eb="1">
      <t>テン</t>
    </rPh>
    <rPh sb="1" eb="2">
      <t>オウ</t>
    </rPh>
    <rPh sb="2" eb="3">
      <t>ジ</t>
    </rPh>
    <rPh sb="3" eb="4">
      <t>ク</t>
    </rPh>
    <rPh sb="4" eb="6">
      <t>チョウシャ</t>
    </rPh>
    <rPh sb="6" eb="8">
      <t>カンリ</t>
    </rPh>
    <rPh sb="8" eb="9">
      <t>オヨ</t>
    </rPh>
    <rPh sb="10" eb="12">
      <t>ウンエイ</t>
    </rPh>
    <rPh sb="12" eb="14">
      <t>ケイヒ</t>
    </rPh>
    <phoneticPr fontId="9"/>
  </si>
  <si>
    <t>区庁舎設備維持費</t>
    <rPh sb="0" eb="1">
      <t>ク</t>
    </rPh>
    <rPh sb="1" eb="3">
      <t>チョウシャ</t>
    </rPh>
    <rPh sb="3" eb="5">
      <t>セツビ</t>
    </rPh>
    <rPh sb="5" eb="8">
      <t>イジヒ</t>
    </rPh>
    <phoneticPr fontId="9"/>
  </si>
  <si>
    <t>千円）</t>
    <phoneticPr fontId="5"/>
  </si>
  <si>
    <t>千円　　前年度比</t>
    <phoneticPr fontId="5"/>
  </si>
  <si>
    <t>○施設の管理運営、事務経費等</t>
    <rPh sb="1" eb="3">
      <t>シセツ</t>
    </rPh>
    <rPh sb="4" eb="6">
      <t>カンリ</t>
    </rPh>
    <rPh sb="6" eb="8">
      <t>ウンエイ</t>
    </rPh>
    <rPh sb="9" eb="11">
      <t>ジム</t>
    </rPh>
    <rPh sb="11" eb="14">
      <t>ケイヒトウ</t>
    </rPh>
    <phoneticPr fontId="5"/>
  </si>
  <si>
    <t>教育文化</t>
    <rPh sb="0" eb="4">
      <t>キョウイクブンカ</t>
    </rPh>
    <phoneticPr fontId="5"/>
  </si>
  <si>
    <t>学校体育施設開放事業</t>
    <rPh sb="0" eb="2">
      <t>ガッコウ</t>
    </rPh>
    <rPh sb="2" eb="4">
      <t>タイイク</t>
    </rPh>
    <rPh sb="4" eb="6">
      <t>シセツ</t>
    </rPh>
    <rPh sb="6" eb="8">
      <t>カイホウ</t>
    </rPh>
    <rPh sb="8" eb="10">
      <t>ジギョウ</t>
    </rPh>
    <phoneticPr fontId="9"/>
  </si>
  <si>
    <t>人権啓発・生涯学習推進事業</t>
    <rPh sb="0" eb="2">
      <t>ジンケン</t>
    </rPh>
    <rPh sb="2" eb="4">
      <t>ケイハツ</t>
    </rPh>
    <rPh sb="5" eb="7">
      <t>ショウガイ</t>
    </rPh>
    <rPh sb="7" eb="9">
      <t>ガクシュウ</t>
    </rPh>
    <rPh sb="9" eb="11">
      <t>スイシン</t>
    </rPh>
    <rPh sb="11" eb="13">
      <t>ジギョウ</t>
    </rPh>
    <phoneticPr fontId="12"/>
  </si>
  <si>
    <t>天王寺区地域公園協働パートナー事業</t>
    <phoneticPr fontId="5"/>
  </si>
  <si>
    <t>コミュニティ育成事業</t>
    <rPh sb="6" eb="8">
      <t>イクセイ</t>
    </rPh>
    <rPh sb="8" eb="10">
      <t>ジギョウ</t>
    </rPh>
    <phoneticPr fontId="9"/>
  </si>
  <si>
    <t>・さまざまな市民活動団体が幅広く参画し、開かれた組織運営と会計の透明化を確保しながら、地域課題に取り組む地域活動協議会等地域団体を積極的に支援し、新たな担い手の拡充・育成やネットワークづくりへの助言・指導を行いながら、自律的な地域運営の仕組みづくりを支援するため、多様な機能や特性を持った中間支援組織を活用する。</t>
    <rPh sb="109" eb="112">
      <t>ジリツテキ</t>
    </rPh>
    <rPh sb="113" eb="115">
      <t>チイキ</t>
    </rPh>
    <rPh sb="115" eb="117">
      <t>ウンエイ</t>
    </rPh>
    <rPh sb="118" eb="120">
      <t>シク</t>
    </rPh>
    <rPh sb="125" eb="127">
      <t>シエン</t>
    </rPh>
    <phoneticPr fontId="7"/>
  </si>
  <si>
    <t>新たな地域コミュニティ支援事業</t>
    <rPh sb="0" eb="1">
      <t>アラ</t>
    </rPh>
    <rPh sb="3" eb="5">
      <t>チイキ</t>
    </rPh>
    <rPh sb="11" eb="13">
      <t>シエン</t>
    </rPh>
    <rPh sb="13" eb="15">
      <t>ジギョウ</t>
    </rPh>
    <phoneticPr fontId="9"/>
  </si>
  <si>
    <t>地域活動協議会への財政的支援</t>
    <rPh sb="0" eb="2">
      <t>チイキ</t>
    </rPh>
    <rPh sb="2" eb="4">
      <t>カツドウ</t>
    </rPh>
    <rPh sb="4" eb="7">
      <t>キョウギカイ</t>
    </rPh>
    <rPh sb="9" eb="11">
      <t>ザイセイ</t>
    </rPh>
    <rPh sb="11" eb="12">
      <t>テキ</t>
    </rPh>
    <rPh sb="12" eb="14">
      <t>シエン</t>
    </rPh>
    <phoneticPr fontId="9"/>
  </si>
  <si>
    <t>　　　　大きな公共を担う活力ある地域社会づくり</t>
    <rPh sb="4" eb="5">
      <t>オオ</t>
    </rPh>
    <rPh sb="7" eb="9">
      <t>コウキョウ</t>
    </rPh>
    <rPh sb="10" eb="11">
      <t>ニナ</t>
    </rPh>
    <rPh sb="12" eb="14">
      <t>カツリョク</t>
    </rPh>
    <rPh sb="16" eb="18">
      <t>チイキ</t>
    </rPh>
    <rPh sb="18" eb="20">
      <t>シャカイ</t>
    </rPh>
    <phoneticPr fontId="7"/>
  </si>
  <si>
    <t>つながりあい・支え合い・助け合うまち</t>
    <rPh sb="7" eb="8">
      <t>ササ</t>
    </rPh>
    <rPh sb="9" eb="10">
      <t>アイ</t>
    </rPh>
    <rPh sb="12" eb="13">
      <t>タス</t>
    </rPh>
    <rPh sb="14" eb="15">
      <t>ア</t>
    </rPh>
    <phoneticPr fontId="5"/>
  </si>
  <si>
    <t>天王寺区にぎわいづくり事業</t>
    <rPh sb="0" eb="4">
      <t>テンノウジク</t>
    </rPh>
    <rPh sb="11" eb="13">
      <t>ジギョウ</t>
    </rPh>
    <phoneticPr fontId="9"/>
  </si>
  <si>
    <t>　　　　歴史的・文化的資産を活かした魅力発信による地域の活性化</t>
    <rPh sb="4" eb="7">
      <t>レキシテキ</t>
    </rPh>
    <rPh sb="8" eb="11">
      <t>ブンカテキ</t>
    </rPh>
    <rPh sb="11" eb="13">
      <t>シサン</t>
    </rPh>
    <rPh sb="14" eb="15">
      <t>イ</t>
    </rPh>
    <rPh sb="18" eb="22">
      <t>ミリョクハッシン</t>
    </rPh>
    <rPh sb="25" eb="27">
      <t>チイキ</t>
    </rPh>
    <rPh sb="28" eb="31">
      <t>カッセイカ</t>
    </rPh>
    <phoneticPr fontId="7"/>
  </si>
  <si>
    <t>歴史的・文化的資産を活かして多くの人が集いにぎわうまち</t>
    <phoneticPr fontId="5"/>
  </si>
  <si>
    <t>空家等対策推進事業</t>
    <rPh sb="0" eb="2">
      <t>アキヤ</t>
    </rPh>
    <rPh sb="2" eb="3">
      <t>トウ</t>
    </rPh>
    <rPh sb="3" eb="5">
      <t>タイサク</t>
    </rPh>
    <rPh sb="5" eb="7">
      <t>スイシン</t>
    </rPh>
    <rPh sb="7" eb="9">
      <t>ジギョウ</t>
    </rPh>
    <phoneticPr fontId="9"/>
  </si>
  <si>
    <t>自転車利用適正化事業「Ｄｏ！プラン」</t>
    <rPh sb="0" eb="2">
      <t>ジテン</t>
    </rPh>
    <rPh sb="2" eb="3">
      <t>シャ</t>
    </rPh>
    <rPh sb="3" eb="5">
      <t>リヨウ</t>
    </rPh>
    <rPh sb="5" eb="8">
      <t>テキセイカ</t>
    </rPh>
    <rPh sb="8" eb="10">
      <t>ジギョウ</t>
    </rPh>
    <phoneticPr fontId="9"/>
  </si>
  <si>
    <t>地域安全防犯事業</t>
    <rPh sb="0" eb="2">
      <t>チイキ</t>
    </rPh>
    <rPh sb="2" eb="4">
      <t>アンゼン</t>
    </rPh>
    <rPh sb="4" eb="6">
      <t>ボウハン</t>
    </rPh>
    <rPh sb="6" eb="8">
      <t>ジギョウ</t>
    </rPh>
    <phoneticPr fontId="9"/>
  </si>
  <si>
    <t>　　　　だれもが安全で安心に暮らせるまちづくり</t>
    <rPh sb="8" eb="10">
      <t>アンゼン</t>
    </rPh>
    <rPh sb="11" eb="13">
      <t>アンシン</t>
    </rPh>
    <rPh sb="14" eb="15">
      <t>ク</t>
    </rPh>
    <phoneticPr fontId="7"/>
  </si>
  <si>
    <t>総合防災対策事業</t>
    <rPh sb="0" eb="2">
      <t>ソウゴウ</t>
    </rPh>
    <rPh sb="2" eb="4">
      <t>ボウサイ</t>
    </rPh>
    <rPh sb="4" eb="6">
      <t>タイサク</t>
    </rPh>
    <rPh sb="6" eb="8">
      <t>ジギョウ</t>
    </rPh>
    <phoneticPr fontId="9"/>
  </si>
  <si>
    <t>　　　　地域の力を結集した「防災力」向上の取組</t>
    <rPh sb="4" eb="6">
      <t>チイキ</t>
    </rPh>
    <rPh sb="7" eb="8">
      <t>チカラ</t>
    </rPh>
    <rPh sb="9" eb="11">
      <t>ケッシュウ</t>
    </rPh>
    <rPh sb="14" eb="16">
      <t>ボウサイ</t>
    </rPh>
    <rPh sb="16" eb="17">
      <t>リョク</t>
    </rPh>
    <rPh sb="18" eb="20">
      <t>コウジョウ</t>
    </rPh>
    <rPh sb="21" eb="23">
      <t>トリクミ</t>
    </rPh>
    <phoneticPr fontId="7"/>
  </si>
  <si>
    <t>健康推進</t>
    <rPh sb="0" eb="2">
      <t>ケンコウ</t>
    </rPh>
    <rPh sb="2" eb="4">
      <t>スイシン</t>
    </rPh>
    <phoneticPr fontId="5"/>
  </si>
  <si>
    <t>・区民の健康意識の高揚と健康づくりへの取組みを推進するため、区医師会、歯科医師会、薬剤師会及び関係団体と連携・協力して「健康展」を開催するとともに、生活習慣病の重点取組と位置付けられているがん検診の受診率向上に向けた取組みを行う。</t>
    <rPh sb="1" eb="3">
      <t>クミン</t>
    </rPh>
    <rPh sb="4" eb="6">
      <t>ケンコウ</t>
    </rPh>
    <rPh sb="6" eb="8">
      <t>イシキ</t>
    </rPh>
    <rPh sb="9" eb="11">
      <t>コウヨウ</t>
    </rPh>
    <rPh sb="12" eb="14">
      <t>ケンコウ</t>
    </rPh>
    <rPh sb="19" eb="21">
      <t>トリク</t>
    </rPh>
    <rPh sb="23" eb="25">
      <t>スイシン</t>
    </rPh>
    <rPh sb="30" eb="31">
      <t>ク</t>
    </rPh>
    <rPh sb="31" eb="34">
      <t>イシカイ</t>
    </rPh>
    <rPh sb="35" eb="37">
      <t>シカ</t>
    </rPh>
    <rPh sb="37" eb="39">
      <t>イシ</t>
    </rPh>
    <rPh sb="39" eb="40">
      <t>カイ</t>
    </rPh>
    <rPh sb="41" eb="44">
      <t>ヤクザイシ</t>
    </rPh>
    <rPh sb="44" eb="45">
      <t>カイ</t>
    </rPh>
    <rPh sb="45" eb="46">
      <t>オヨ</t>
    </rPh>
    <rPh sb="47" eb="49">
      <t>カンケイ</t>
    </rPh>
    <rPh sb="49" eb="51">
      <t>ダンタイ</t>
    </rPh>
    <rPh sb="52" eb="54">
      <t>レンケイ</t>
    </rPh>
    <rPh sb="55" eb="57">
      <t>キョウリョク</t>
    </rPh>
    <rPh sb="60" eb="62">
      <t>ケンコウ</t>
    </rPh>
    <rPh sb="62" eb="63">
      <t>テン</t>
    </rPh>
    <rPh sb="65" eb="67">
      <t>カイサイ</t>
    </rPh>
    <rPh sb="74" eb="76">
      <t>セイカツ</t>
    </rPh>
    <rPh sb="76" eb="78">
      <t>シュウカン</t>
    </rPh>
    <rPh sb="78" eb="79">
      <t>ビョウ</t>
    </rPh>
    <rPh sb="80" eb="82">
      <t>ジュウテン</t>
    </rPh>
    <rPh sb="82" eb="84">
      <t>トリク</t>
    </rPh>
    <rPh sb="85" eb="88">
      <t>イチヅ</t>
    </rPh>
    <rPh sb="99" eb="101">
      <t>ジュシン</t>
    </rPh>
    <rPh sb="101" eb="102">
      <t>リツ</t>
    </rPh>
    <rPh sb="102" eb="104">
      <t>コウジョウ</t>
    </rPh>
    <rPh sb="105" eb="106">
      <t>ム</t>
    </rPh>
    <rPh sb="108" eb="110">
      <t>トリク</t>
    </rPh>
    <rPh sb="112" eb="113">
      <t>オコナ</t>
    </rPh>
    <phoneticPr fontId="7"/>
  </si>
  <si>
    <t>健康推進事業</t>
    <rPh sb="0" eb="2">
      <t>ケンコウ</t>
    </rPh>
    <rPh sb="2" eb="4">
      <t>スイシン</t>
    </rPh>
    <rPh sb="4" eb="6">
      <t>ジギョウ</t>
    </rPh>
    <phoneticPr fontId="9"/>
  </si>
  <si>
    <t>事業戦略
福祉サービス</t>
    <rPh sb="0" eb="4">
      <t>ジギョウセンリャク</t>
    </rPh>
    <rPh sb="5" eb="7">
      <t>フクシ</t>
    </rPh>
    <phoneticPr fontId="5"/>
  </si>
  <si>
    <t>・民間事業者とのバスの共同運行事業を実施し、下寺町等地域の住民の福祉の向上、生活利便性の向上を図る。</t>
    <rPh sb="1" eb="3">
      <t>ミンカン</t>
    </rPh>
    <rPh sb="3" eb="6">
      <t>ジギョウシャ</t>
    </rPh>
    <rPh sb="11" eb="13">
      <t>キョウドウ</t>
    </rPh>
    <rPh sb="13" eb="15">
      <t>ウンコウ</t>
    </rPh>
    <rPh sb="15" eb="17">
      <t>ジギョウ</t>
    </rPh>
    <rPh sb="18" eb="20">
      <t>ジッシ</t>
    </rPh>
    <rPh sb="22" eb="25">
      <t>シタデラマチ</t>
    </rPh>
    <rPh sb="25" eb="26">
      <t>トウ</t>
    </rPh>
    <rPh sb="26" eb="28">
      <t>チイキ</t>
    </rPh>
    <rPh sb="29" eb="31">
      <t>ジュウミン</t>
    </rPh>
    <rPh sb="32" eb="34">
      <t>フクシ</t>
    </rPh>
    <rPh sb="35" eb="37">
      <t>コウジョウ</t>
    </rPh>
    <rPh sb="38" eb="40">
      <t>セイカツ</t>
    </rPh>
    <rPh sb="40" eb="43">
      <t>リベンセイ</t>
    </rPh>
    <rPh sb="44" eb="46">
      <t>コウジョウ</t>
    </rPh>
    <rPh sb="47" eb="48">
      <t>ハカ</t>
    </rPh>
    <phoneticPr fontId="7"/>
  </si>
  <si>
    <t>天王寺区 下寺町地域の交通手段確保事業</t>
    <rPh sb="0" eb="4">
      <t>テンノウジク</t>
    </rPh>
    <rPh sb="5" eb="8">
      <t>シタデラマチ</t>
    </rPh>
    <rPh sb="8" eb="10">
      <t>チイキ</t>
    </rPh>
    <rPh sb="11" eb="13">
      <t>コウツウ</t>
    </rPh>
    <rPh sb="13" eb="15">
      <t>シュダン</t>
    </rPh>
    <rPh sb="15" eb="17">
      <t>カクホ</t>
    </rPh>
    <rPh sb="17" eb="19">
      <t>ジギョウ</t>
    </rPh>
    <phoneticPr fontId="12"/>
  </si>
  <si>
    <t>福祉サービス</t>
    <rPh sb="0" eb="2">
      <t>フクシ</t>
    </rPh>
    <phoneticPr fontId="5"/>
  </si>
  <si>
    <t>地域福祉推進事業</t>
    <rPh sb="0" eb="2">
      <t>チイキ</t>
    </rPh>
    <rPh sb="2" eb="4">
      <t>フクシ</t>
    </rPh>
    <rPh sb="4" eb="6">
      <t>スイシン</t>
    </rPh>
    <rPh sb="6" eb="8">
      <t>ジギョウ</t>
    </rPh>
    <phoneticPr fontId="9"/>
  </si>
  <si>
    <t>　　　　気にかける・つながる・支えあう地域福祉</t>
    <rPh sb="4" eb="5">
      <t>キ</t>
    </rPh>
    <rPh sb="15" eb="16">
      <t>ササ</t>
    </rPh>
    <rPh sb="19" eb="23">
      <t>チイキフクシ</t>
    </rPh>
    <phoneticPr fontId="7"/>
  </si>
  <si>
    <t>だれもが安全で安心していきいきと暮らし続けられるまち</t>
    <rPh sb="4" eb="6">
      <t>アンゼン</t>
    </rPh>
    <rPh sb="7" eb="9">
      <t>アンシン</t>
    </rPh>
    <rPh sb="16" eb="17">
      <t>ク</t>
    </rPh>
    <rPh sb="19" eb="20">
      <t>ツヅ</t>
    </rPh>
    <phoneticPr fontId="5"/>
  </si>
  <si>
    <t>教育文化</t>
    <rPh sb="0" eb="2">
      <t>キョウイク</t>
    </rPh>
    <rPh sb="2" eb="4">
      <t>ブンカ</t>
    </rPh>
    <phoneticPr fontId="5"/>
  </si>
  <si>
    <t>こどもの居場所等における学び・生活サポート事業</t>
    <rPh sb="4" eb="7">
      <t>イバショ</t>
    </rPh>
    <rPh sb="7" eb="8">
      <t>トウ</t>
    </rPh>
    <rPh sb="12" eb="13">
      <t>マナ</t>
    </rPh>
    <rPh sb="15" eb="17">
      <t>セイカツ</t>
    </rPh>
    <rPh sb="21" eb="23">
      <t>ジギョウ</t>
    </rPh>
    <phoneticPr fontId="9"/>
  </si>
  <si>
    <t>天王寺区子育て支援室相談事業</t>
    <rPh sb="0" eb="4">
      <t>テンノウジク</t>
    </rPh>
    <rPh sb="4" eb="6">
      <t>コソダ</t>
    </rPh>
    <rPh sb="7" eb="9">
      <t>シエン</t>
    </rPh>
    <rPh sb="9" eb="10">
      <t>シツ</t>
    </rPh>
    <rPh sb="10" eb="12">
      <t>ソウダン</t>
    </rPh>
    <rPh sb="12" eb="14">
      <t>ジギョウ</t>
    </rPh>
    <phoneticPr fontId="9"/>
  </si>
  <si>
    <t>・保健師による未就園児への家庭訪問や保育所・幼稚園等への訪問を行い、就学前までに必要な手洗いやうがいなど生活習慣が身につけられるよう健康教育や子育て相談等を実施し「大阪市版ネウボラ」の充実を図る。その際、児童の身体状態や発育状態などを確認し、虐待が疑われるなどの場合は必要な支援に繋げる。</t>
    <phoneticPr fontId="14"/>
  </si>
  <si>
    <t>4歳児訪問事業</t>
    <rPh sb="1" eb="7">
      <t>サイジホウモンジギョウ</t>
    </rPh>
    <phoneticPr fontId="9"/>
  </si>
  <si>
    <t>　　　　子どもが健やかに育ち、未来に向かって学べる環境づくり</t>
    <rPh sb="4" eb="5">
      <t>コ</t>
    </rPh>
    <rPh sb="8" eb="9">
      <t>スコ</t>
    </rPh>
    <rPh sb="12" eb="13">
      <t>ソダ</t>
    </rPh>
    <rPh sb="15" eb="17">
      <t>ミライ</t>
    </rPh>
    <rPh sb="18" eb="19">
      <t>ム</t>
    </rPh>
    <rPh sb="22" eb="23">
      <t>マナ</t>
    </rPh>
    <rPh sb="25" eb="27">
      <t>カンキョウ</t>
    </rPh>
    <phoneticPr fontId="7"/>
  </si>
  <si>
    <t>子どもが健やかに育ち、未来に向かって学べるまち</t>
    <rPh sb="0" eb="1">
      <t>コ</t>
    </rPh>
    <rPh sb="4" eb="5">
      <t>スコ</t>
    </rPh>
    <rPh sb="8" eb="9">
      <t>ソダ</t>
    </rPh>
    <rPh sb="11" eb="13">
      <t>ミライ</t>
    </rPh>
    <rPh sb="14" eb="15">
      <t>ム</t>
    </rPh>
    <rPh sb="18" eb="19">
      <t>マナ</t>
    </rPh>
    <phoneticPr fontId="5"/>
  </si>
  <si>
    <t>事業戦略</t>
    <rPh sb="0" eb="2">
      <t>ジギョウ</t>
    </rPh>
    <rPh sb="2" eb="4">
      <t>センリャク</t>
    </rPh>
    <phoneticPr fontId="5"/>
  </si>
  <si>
    <t>・区民に行政情報、地域情報を効果的に発信するため、「思わず手に取りたくなる」広報紙の発行に取り組む。
・区民にSDGｓの基本的なことを理解していただけるよう、周知・啓発する。</t>
    <rPh sb="1" eb="3">
      <t>クミン</t>
    </rPh>
    <rPh sb="4" eb="6">
      <t>ギョウセイ</t>
    </rPh>
    <rPh sb="6" eb="8">
      <t>ジョウホウ</t>
    </rPh>
    <rPh sb="9" eb="11">
      <t>チイキ</t>
    </rPh>
    <rPh sb="11" eb="13">
      <t>ジョウホウ</t>
    </rPh>
    <rPh sb="14" eb="17">
      <t>コウカテキ</t>
    </rPh>
    <rPh sb="18" eb="20">
      <t>ハッシン</t>
    </rPh>
    <rPh sb="26" eb="27">
      <t>オモ</t>
    </rPh>
    <rPh sb="29" eb="30">
      <t>テ</t>
    </rPh>
    <rPh sb="31" eb="32">
      <t>ト</t>
    </rPh>
    <rPh sb="38" eb="41">
      <t>コウホウシ</t>
    </rPh>
    <rPh sb="42" eb="44">
      <t>ハッコウ</t>
    </rPh>
    <rPh sb="45" eb="46">
      <t>ト</t>
    </rPh>
    <rPh sb="47" eb="48">
      <t>ク</t>
    </rPh>
    <rPh sb="52" eb="54">
      <t>クミン</t>
    </rPh>
    <rPh sb="60" eb="63">
      <t>キホンテキ</t>
    </rPh>
    <rPh sb="67" eb="69">
      <t>リカイ</t>
    </rPh>
    <rPh sb="79" eb="81">
      <t>シュウチ</t>
    </rPh>
    <rPh sb="82" eb="84">
      <t>ケイハツ</t>
    </rPh>
    <phoneticPr fontId="15"/>
  </si>
  <si>
    <t>SDGsの理解の促進を意識した区政情報の発信</t>
    <rPh sb="5" eb="7">
      <t>リカイ</t>
    </rPh>
    <rPh sb="8" eb="10">
      <t>ソクシン</t>
    </rPh>
    <rPh sb="11" eb="13">
      <t>イシキ</t>
    </rPh>
    <rPh sb="15" eb="17">
      <t>クセイ</t>
    </rPh>
    <rPh sb="17" eb="19">
      <t>ジョウホウ</t>
    </rPh>
    <rPh sb="20" eb="22">
      <t>ハッシン</t>
    </rPh>
    <phoneticPr fontId="16"/>
  </si>
  <si>
    <t>区民の声集約事業</t>
    <rPh sb="0" eb="2">
      <t>クミン</t>
    </rPh>
    <rPh sb="3" eb="8">
      <t>コエシュウヤクジギョウ</t>
    </rPh>
    <phoneticPr fontId="17"/>
  </si>
  <si>
    <t>　　　　『PD“L”CAサイクル』による事業の改善・見直しプロセスの強化　など</t>
    <rPh sb="20" eb="22">
      <t>ジギョウ</t>
    </rPh>
    <rPh sb="23" eb="25">
      <t>カイゼン</t>
    </rPh>
    <rPh sb="26" eb="28">
      <t>ミナオ</t>
    </rPh>
    <rPh sb="34" eb="36">
      <t>キョウカ</t>
    </rPh>
    <phoneticPr fontId="7"/>
  </si>
  <si>
    <t>みんなの「思い」が区政に反映されているまち</t>
    <phoneticPr fontId="5"/>
  </si>
  <si>
    <t>事業概要</t>
    <rPh sb="0" eb="1">
      <t>コト</t>
    </rPh>
    <rPh sb="1" eb="2">
      <t>ギョウ</t>
    </rPh>
    <rPh sb="2" eb="4">
      <t>ガイヨウ</t>
    </rPh>
    <phoneticPr fontId="5"/>
  </si>
  <si>
    <t>事業費</t>
    <rPh sb="0" eb="3">
      <t>ジギョウヒ</t>
    </rPh>
    <phoneticPr fontId="5"/>
  </si>
  <si>
    <t>事業名</t>
    <rPh sb="0" eb="2">
      <t>ジギョウ</t>
    </rPh>
    <rPh sb="2" eb="3">
      <t>メイ</t>
    </rPh>
    <phoneticPr fontId="5"/>
  </si>
  <si>
    <t>(単位：千円）</t>
    <rPh sb="1" eb="3">
      <t>タンイ</t>
    </rPh>
    <rPh sb="4" eb="6">
      <t>センエン</t>
    </rPh>
    <phoneticPr fontId="5"/>
  </si>
  <si>
    <t>千円　　前年度比</t>
    <rPh sb="4" eb="8">
      <t>ゼンネンドヒ</t>
    </rPh>
    <phoneticPr fontId="5"/>
  </si>
  <si>
    <t>予算額合計</t>
    <rPh sb="0" eb="2">
      <t>ヨサン</t>
    </rPh>
    <rPh sb="2" eb="3">
      <t>ガク</t>
    </rPh>
    <rPh sb="3" eb="5">
      <t>ゴウケイ</t>
    </rPh>
    <phoneticPr fontId="5"/>
  </si>
  <si>
    <t>No.</t>
    <phoneticPr fontId="5"/>
  </si>
  <si>
    <t>青少年育成事業</t>
    <rPh sb="0" eb="5">
      <t>セイショウネンイクセイ</t>
    </rPh>
    <rPh sb="5" eb="7">
      <t>ジギョウ</t>
    </rPh>
    <phoneticPr fontId="9"/>
  </si>
  <si>
    <t>高齢者等見守り支援事業</t>
    <rPh sb="0" eb="3">
      <t>コウレイシャ</t>
    </rPh>
    <rPh sb="3" eb="4">
      <t>トウ</t>
    </rPh>
    <rPh sb="4" eb="6">
      <t>ミマモ</t>
    </rPh>
    <rPh sb="7" eb="11">
      <t>シエンジギョウ</t>
    </rPh>
    <phoneticPr fontId="9"/>
  </si>
  <si>
    <t>子育て支援</t>
    <rPh sb="0" eb="2">
      <t>コソダ</t>
    </rPh>
    <rPh sb="3" eb="5">
      <t>シエン</t>
    </rPh>
    <phoneticPr fontId="5"/>
  </si>
  <si>
    <t>・高齢者福祉の関心と理解を深めるとともに、高齢者自身の社会参加意欲を高めることを目的に、毎年９月を高齢者福祉月間と定め実施する。
・「だれもが安心して自分らしく地域でいきいきと暮らせるまちづくり」の実現に向けて、地域・区社会福祉協議会・区役所が協働して「天王寺区地域福祉ビジョン」を推進する。</t>
  </si>
  <si>
    <t>・概ね校区等地域を単位として、地域住民の組織をはじめ、ボランティア団体、NPO、企業など地域のまちづくりに関する様々な活動主体が幅広く参画し、地域課題への対応や地域のまちづくりを推進することを目的として形成された地域活動協議会に対し財政的支援を行うことにより、自律的な地域運営・活動を促進し、地域コミュニティの機能の向上を図る。</t>
  </si>
  <si>
    <t>・市民交流やコミュニティづくりの促進を図るとともに、心のふれあう温かい地域社会づくりを進めるため、区民まつりや区民文化のつどいなどのイベントの開催・運営を各種団体等と協働して行い、区民文化の向上と地域の活性化を図る。</t>
  </si>
  <si>
    <t>・活力ある地域社会をめざし、より多くの多様な世代の住民の交流を図るため、地域公園の美観の保持等にかかる事業を、地域資源を活かして地域課題の解決に取り組む住民参加型のコミュニティビジネスの手法により実施する。</t>
  </si>
  <si>
    <t>・人権啓発推進員との連携協力による啓発活動を推進することにより、区民の人権意識の高揚を図る。
・「生涯学習大阪計画」に基づき小学校を活用した生涯学習ルーム事業を実施することにより、地域での自主的・主体的な学習活動を支援し市民主体の循環型生涯学習社会づくりをめざす。</t>
  </si>
  <si>
    <t>住民情報業務</t>
    <rPh sb="0" eb="6">
      <t>ジュウミンジョウホウギョウム</t>
    </rPh>
    <phoneticPr fontId="9"/>
  </si>
  <si>
    <t>住民情報</t>
    <rPh sb="0" eb="4">
      <t>ジュウミンジョウホウ</t>
    </rPh>
    <phoneticPr fontId="5"/>
  </si>
  <si>
    <t>住民票等発行手数料のキャッシュレス化・住民情報待合への行政キオスク端末導入による利便性向上事業</t>
    <rPh sb="0" eb="3">
      <t>ジュウミンヒョウ</t>
    </rPh>
    <rPh sb="3" eb="4">
      <t>ナド</t>
    </rPh>
    <rPh sb="4" eb="6">
      <t>ハッコウ</t>
    </rPh>
    <rPh sb="6" eb="9">
      <t>テスウリョウ</t>
    </rPh>
    <rPh sb="17" eb="18">
      <t>カ</t>
    </rPh>
    <rPh sb="19" eb="21">
      <t>ジュウミン</t>
    </rPh>
    <rPh sb="21" eb="23">
      <t>ジョウホウ</t>
    </rPh>
    <rPh sb="23" eb="25">
      <t>マチアイ</t>
    </rPh>
    <rPh sb="27" eb="29">
      <t>ギョウセイ</t>
    </rPh>
    <rPh sb="33" eb="35">
      <t>タンマツ</t>
    </rPh>
    <rPh sb="35" eb="37">
      <t>ドウニュウ</t>
    </rPh>
    <rPh sb="40" eb="42">
      <t>リベン</t>
    </rPh>
    <rPh sb="42" eb="43">
      <t>セイ</t>
    </rPh>
    <rPh sb="43" eb="45">
      <t>コウジョウ</t>
    </rPh>
    <rPh sb="45" eb="47">
      <t>ジギョウ</t>
    </rPh>
    <phoneticPr fontId="9"/>
  </si>
  <si>
    <t>・区内子育て支援関係機関、団体、子育て支援サークルが集まり、就学前の児童とその保護者を対象に親子参加型の交流の場を提供し、保護者と地域ボランティア等とのふれあいを通じて、地域ぐるみの子育て支援を実施する。</t>
    <phoneticPr fontId="7"/>
  </si>
  <si>
    <t>・75歳以上の独居高齢者等の世帯を定期的に訪問し、その世帯の抱える課題を早期に外部支援者が把握できる状況をつくり、必要に応じて医療・介護サービスにつなげるなど、支援者による課題への早期かつ効果的な対応につなげ、安心して在宅生活が送れるよう支援する。
・地域の高齢者・障がい者等の孤立化を防ぐため、各地域において地域福祉コーディネーターを配置し、要援護者等への福祉情報提供・相談対応等を行う。</t>
    <rPh sb="3" eb="6">
      <t>サイイジョウ</t>
    </rPh>
    <rPh sb="12" eb="13">
      <t>トウ</t>
    </rPh>
    <rPh sb="17" eb="20">
      <t>テイキテキ</t>
    </rPh>
    <rPh sb="21" eb="23">
      <t>ホウモン</t>
    </rPh>
    <rPh sb="27" eb="29">
      <t>セタイ</t>
    </rPh>
    <rPh sb="30" eb="31">
      <t>カカ</t>
    </rPh>
    <rPh sb="33" eb="35">
      <t>カダイ</t>
    </rPh>
    <rPh sb="36" eb="38">
      <t>ソウキ</t>
    </rPh>
    <rPh sb="39" eb="41">
      <t>ガイブ</t>
    </rPh>
    <rPh sb="41" eb="44">
      <t>シエンシャ</t>
    </rPh>
    <rPh sb="45" eb="47">
      <t>ハアク</t>
    </rPh>
    <rPh sb="50" eb="52">
      <t>ジョウキョウ</t>
    </rPh>
    <rPh sb="57" eb="59">
      <t>ヒツヨウ</t>
    </rPh>
    <rPh sb="60" eb="61">
      <t>オウ</t>
    </rPh>
    <rPh sb="63" eb="65">
      <t>イリョウ</t>
    </rPh>
    <rPh sb="66" eb="68">
      <t>カイゴ</t>
    </rPh>
    <rPh sb="80" eb="83">
      <t>シエンシャ</t>
    </rPh>
    <rPh sb="86" eb="88">
      <t>カダイ</t>
    </rPh>
    <rPh sb="90" eb="92">
      <t>ソウキ</t>
    </rPh>
    <rPh sb="94" eb="97">
      <t>コウカテキ</t>
    </rPh>
    <rPh sb="98" eb="100">
      <t>タイオウ</t>
    </rPh>
    <rPh sb="105" eb="107">
      <t>アンシン</t>
    </rPh>
    <rPh sb="109" eb="111">
      <t>ザイタク</t>
    </rPh>
    <rPh sb="111" eb="113">
      <t>セイカツ</t>
    </rPh>
    <rPh sb="114" eb="115">
      <t>オク</t>
    </rPh>
    <rPh sb="119" eb="121">
      <t>シエン</t>
    </rPh>
    <rPh sb="126" eb="128">
      <t>チイキ</t>
    </rPh>
    <rPh sb="129" eb="132">
      <t>コウレイシャ</t>
    </rPh>
    <phoneticPr fontId="7"/>
  </si>
  <si>
    <t>・住民票等証明書の発行及び住所異動や戸籍に関する事務を円滑に執行する。
○住民情報一般事務　○住民情報等業務委託</t>
    <rPh sb="1" eb="4">
      <t>ジュウミンヒョウ</t>
    </rPh>
    <rPh sb="4" eb="5">
      <t>トウ</t>
    </rPh>
    <rPh sb="5" eb="8">
      <t>ショウメイショ</t>
    </rPh>
    <rPh sb="9" eb="11">
      <t>ハッコウ</t>
    </rPh>
    <rPh sb="11" eb="12">
      <t>オヨ</t>
    </rPh>
    <rPh sb="13" eb="15">
      <t>ジュウショ</t>
    </rPh>
    <rPh sb="15" eb="17">
      <t>イドウ</t>
    </rPh>
    <rPh sb="18" eb="20">
      <t>コセキ</t>
    </rPh>
    <rPh sb="21" eb="22">
      <t>カン</t>
    </rPh>
    <rPh sb="24" eb="26">
      <t>ジム</t>
    </rPh>
    <rPh sb="27" eb="29">
      <t>エンカツ</t>
    </rPh>
    <rPh sb="30" eb="32">
      <t>シッコウ</t>
    </rPh>
    <rPh sb="39" eb="41">
      <t>ジョウホウ</t>
    </rPh>
    <rPh sb="41" eb="45">
      <t>イッパンジム</t>
    </rPh>
    <rPh sb="47" eb="51">
      <t>ジュウミンジョウホウ</t>
    </rPh>
    <rPh sb="51" eb="52">
      <t>トウ</t>
    </rPh>
    <rPh sb="52" eb="56">
      <t>ギョウムイタク</t>
    </rPh>
    <phoneticPr fontId="7"/>
  </si>
  <si>
    <t>天王寺区こどもフェスタ</t>
    <rPh sb="0" eb="4">
      <t>テンノウジク</t>
    </rPh>
    <phoneticPr fontId="9"/>
  </si>
  <si>
    <t>区役所DX推進事業（サービス向上に向けた庁舎空間の最適化）</t>
    <phoneticPr fontId="3"/>
  </si>
  <si>
    <t>・子育てにかかる身近な総合窓口として、子育て世帯に必要な情報を提供するほか、専門相談員等による相談対応はもとより、発達が気になるこどもと保護者対象の学習会や交流会の開催、不登校児童への家庭訪問など、特に子育てに不安がある家庭への支援を実施する。</t>
    <rPh sb="76" eb="77">
      <t>カイ</t>
    </rPh>
    <rPh sb="80" eb="81">
      <t>カイ</t>
    </rPh>
    <rPh sb="82" eb="84">
      <t>カイサイ</t>
    </rPh>
    <phoneticPr fontId="3"/>
  </si>
  <si>
    <t>・天王寺区は家庭の経済水準やこどもの学力水準が高い一方で、学力に課題があるこどもや、虐待により精神面で不安を抱えるこどもが存在している。さらに、近年では外国籍のこどもの転入が増加しており、語学や生活習慣の違いから学習や生活面での支援が必要となっている。主任児童委員や学校と認識を共有し、放課後や家庭外で過ごせる「居場所」での活動を通して、学力向上や精神面の支援を行っていくことが重要である。このため、知識と経験を持つサポーターを「居場所」や学校に派遣し、放課後の学習支援や生活相談を行い、子どもの安定した生活を支援していく。</t>
  </si>
  <si>
    <t>・区内市立小・中学校の体育施設を、学校教育に支障のない範囲で地域に開放し、地域住民に継続的にスポーツ活動の場や機会を提供するとともに、地域住民による自主的、主体的な運営や活動の推進を図ることにより、生涯スポーツの振興、及び住民の健康・体力の維持増進、生活の質の向上に寄与する。</t>
    <rPh sb="1" eb="3">
      <t>クナイ</t>
    </rPh>
    <rPh sb="3" eb="5">
      <t>イチリツ</t>
    </rPh>
    <phoneticPr fontId="3"/>
  </si>
  <si>
    <t>令和８年度　天王寺区役所予算概要について</t>
    <rPh sb="0" eb="2">
      <t>レイワ</t>
    </rPh>
    <rPh sb="10" eb="12">
      <t>ヤクショ</t>
    </rPh>
    <phoneticPr fontId="5"/>
  </si>
  <si>
    <t>千円 （７年度</t>
    <phoneticPr fontId="5"/>
  </si>
  <si>
    <t>妊婦等包括相談支援及び乳幼児にかかる相談・支援事業</t>
    <rPh sb="0" eb="3">
      <t>ニンプトウ</t>
    </rPh>
    <rPh sb="3" eb="9">
      <t>ホウカツソウダンシエン</t>
    </rPh>
    <rPh sb="9" eb="10">
      <t>オヨ</t>
    </rPh>
    <rPh sb="11" eb="14">
      <t>ニュウヨウジ</t>
    </rPh>
    <rPh sb="18" eb="20">
      <t>ソウダン</t>
    </rPh>
    <rPh sb="21" eb="23">
      <t>シエン</t>
    </rPh>
    <rPh sb="23" eb="25">
      <t>ジギョウ</t>
    </rPh>
    <phoneticPr fontId="9"/>
  </si>
  <si>
    <t>・子どもが自身の将来像を描き、自立した社会の一員として生きていくための能力等を育む機会を提供する。また、区民や各種地域団体等と連携して青少年を対象とする取組を行い、地域への愛着心を育む。</t>
    <phoneticPr fontId="3"/>
  </si>
  <si>
    <t>・妊娠時から妊産婦等に寄り添い、出産・育児等の見通しを立てるための面談や継続的な情報発信等を行うとともに、必要な支援につなぐ伴走型相談支援を行う。
・発達障がいのある子どもと養育者が、速やかに診断や医療につながる相談を受けることができ、早期の療育や適切な保育・教育等につながるまで、専門的な支援のもとに安心して育児ができるよう保健福祉センターにおける支援体制を確保する。
・福祉的･保健的な支援が必要な家庭に対し、本市が行う「専門的家庭訪問事業（3カ月健診までの助産師派遣）」について区独自で概ね1歳までに延長することで、虐待や育児放棄等を予防し、子どもの健全な成長を支える。</t>
    <rPh sb="175" eb="177">
      <t>シエン</t>
    </rPh>
    <rPh sb="180" eb="182">
      <t>カクホ</t>
    </rPh>
    <rPh sb="187" eb="190">
      <t>フクシテキ</t>
    </rPh>
    <rPh sb="191" eb="194">
      <t>ホケンテキ</t>
    </rPh>
    <rPh sb="195" eb="197">
      <t>シエン</t>
    </rPh>
    <rPh sb="198" eb="200">
      <t>ヒツヨウ</t>
    </rPh>
    <rPh sb="201" eb="203">
      <t>カテイ</t>
    </rPh>
    <rPh sb="204" eb="205">
      <t>タイ</t>
    </rPh>
    <rPh sb="253" eb="255">
      <t>エンチョウ</t>
    </rPh>
    <rPh sb="261" eb="263">
      <t>ギャクタイ</t>
    </rPh>
    <rPh sb="264" eb="266">
      <t>イクジ</t>
    </rPh>
    <rPh sb="266" eb="268">
      <t>ホウキ</t>
    </rPh>
    <rPh sb="268" eb="269">
      <t>トウ</t>
    </rPh>
    <rPh sb="270" eb="272">
      <t>ヨボウ</t>
    </rPh>
    <rPh sb="274" eb="275">
      <t>コ</t>
    </rPh>
    <rPh sb="278" eb="280">
      <t>ケンゼン</t>
    </rPh>
    <rPh sb="281" eb="283">
      <t>セイチョウ</t>
    </rPh>
    <rPh sb="284" eb="285">
      <t>ササ</t>
    </rPh>
    <phoneticPr fontId="5"/>
  </si>
  <si>
    <t>・巨大地震や台風等大規模災害への備えを強化するため、地域・マンションの自主防災活動の支援、マンション向け防災講座の開催、災害時避難所への備蓄・支援物資の配備、在宅避難に必要な備えなど自助の取組みの啓発等を行う。</t>
    <rPh sb="71" eb="73">
      <t>シエン</t>
    </rPh>
    <phoneticPr fontId="3"/>
  </si>
  <si>
    <t>・地域・警察等関係機関と連携して、区内における街頭犯罪被害及び自転車関連をはじめとする交通事故を防止し、安全で安心して暮らせる天王寺区をめざす。</t>
    <rPh sb="1" eb="3">
      <t>チイキ</t>
    </rPh>
    <rPh sb="4" eb="6">
      <t>ケイサツ</t>
    </rPh>
    <rPh sb="6" eb="7">
      <t>トウ</t>
    </rPh>
    <rPh sb="7" eb="11">
      <t>カンケイキカン</t>
    </rPh>
    <rPh sb="12" eb="14">
      <t>レンケイ</t>
    </rPh>
    <rPh sb="17" eb="18">
      <t>ク</t>
    </rPh>
    <rPh sb="18" eb="19">
      <t>ナイ</t>
    </rPh>
    <rPh sb="23" eb="25">
      <t>ガイトウ</t>
    </rPh>
    <rPh sb="25" eb="27">
      <t>ハンザイ</t>
    </rPh>
    <rPh sb="27" eb="29">
      <t>ヒガイ</t>
    </rPh>
    <rPh sb="29" eb="30">
      <t>オヨ</t>
    </rPh>
    <rPh sb="31" eb="34">
      <t>ジテンシャ</t>
    </rPh>
    <rPh sb="34" eb="36">
      <t>カンレン</t>
    </rPh>
    <rPh sb="43" eb="45">
      <t>コウツウ</t>
    </rPh>
    <rPh sb="45" eb="47">
      <t>ジコ</t>
    </rPh>
    <rPh sb="48" eb="50">
      <t>ボウシ</t>
    </rPh>
    <rPh sb="52" eb="54">
      <t>アンゼン</t>
    </rPh>
    <rPh sb="55" eb="57">
      <t>アンシン</t>
    </rPh>
    <rPh sb="59" eb="60">
      <t>ク</t>
    </rPh>
    <rPh sb="63" eb="67">
      <t>テンノウジク</t>
    </rPh>
    <phoneticPr fontId="7"/>
  </si>
  <si>
    <t>・「大阪市空家等対策計画（第３期）」に基づき、区の行動計画等を策定し、特定空家等の是正、空家の適正管理や利活用の促進等を総合的に行うことにより、地域の活性化等につなげる。</t>
    <rPh sb="2" eb="5">
      <t>オオサカシ</t>
    </rPh>
    <rPh sb="5" eb="7">
      <t>アキヤ</t>
    </rPh>
    <rPh sb="7" eb="8">
      <t>トウ</t>
    </rPh>
    <rPh sb="8" eb="10">
      <t>タイサク</t>
    </rPh>
    <rPh sb="10" eb="12">
      <t>ケイカク</t>
    </rPh>
    <rPh sb="13" eb="14">
      <t>ダイ</t>
    </rPh>
    <rPh sb="15" eb="16">
      <t>キ</t>
    </rPh>
    <rPh sb="19" eb="20">
      <t>モト</t>
    </rPh>
    <rPh sb="23" eb="24">
      <t>ク</t>
    </rPh>
    <rPh sb="25" eb="27">
      <t>コウドウ</t>
    </rPh>
    <rPh sb="27" eb="29">
      <t>ケイカク</t>
    </rPh>
    <rPh sb="29" eb="30">
      <t>トウ</t>
    </rPh>
    <rPh sb="31" eb="33">
      <t>サクテイ</t>
    </rPh>
    <rPh sb="35" eb="37">
      <t>トクテイ</t>
    </rPh>
    <rPh sb="37" eb="39">
      <t>アキヤ</t>
    </rPh>
    <rPh sb="39" eb="40">
      <t>トウ</t>
    </rPh>
    <rPh sb="41" eb="43">
      <t>ゼセイ</t>
    </rPh>
    <rPh sb="44" eb="46">
      <t>アキヤ</t>
    </rPh>
    <rPh sb="47" eb="49">
      <t>テキセイ</t>
    </rPh>
    <rPh sb="49" eb="51">
      <t>カンリ</t>
    </rPh>
    <rPh sb="52" eb="53">
      <t>リ</t>
    </rPh>
    <rPh sb="53" eb="55">
      <t>カツヨウ</t>
    </rPh>
    <rPh sb="56" eb="58">
      <t>ソクシン</t>
    </rPh>
    <rPh sb="58" eb="59">
      <t>トウ</t>
    </rPh>
    <rPh sb="60" eb="63">
      <t>ソウゴウテキ</t>
    </rPh>
    <rPh sb="64" eb="65">
      <t>オコナ</t>
    </rPh>
    <rPh sb="72" eb="74">
      <t>チイキ</t>
    </rPh>
    <rPh sb="75" eb="78">
      <t>カッセイカ</t>
    </rPh>
    <rPh sb="78" eb="79">
      <t>トウ</t>
    </rPh>
    <phoneticPr fontId="7"/>
  </si>
  <si>
    <t>・天王寺区の魅力ある歴史的・文化的資産の情報発信や、学校と連携して演奏会を開催することにより、芸術豊かなまちづくりとにぎわいを創出するとともに、100周年版「ももてんちゃん」を活用したPRを展開することで、地域の活性化を推進する。</t>
    <phoneticPr fontId="3"/>
  </si>
  <si>
    <t>・区役所における庁舎設備の維持管理を円滑に執行する。
　○光熱費を削減する中で適切に温度管理を実施　　○清掃の徹底　　○設備の保守・修繕等</t>
    <phoneticPr fontId="7"/>
  </si>
  <si>
    <t>・区役所における事務をスムーズに執行する。
　○区役所一般事務　　○会計年度任用職員雇用（宿日直業務、保健福祉窓口案内業務等）　</t>
    <rPh sb="34" eb="38">
      <t>カイケイネンド</t>
    </rPh>
    <rPh sb="38" eb="40">
      <t>ニンヨウ</t>
    </rPh>
    <rPh sb="42" eb="44">
      <t>コヨウ</t>
    </rPh>
    <rPh sb="45" eb="48">
      <t>シュクニッチョク</t>
    </rPh>
    <rPh sb="48" eb="50">
      <t>ギョウム</t>
    </rPh>
    <rPh sb="51" eb="53">
      <t>ホケン</t>
    </rPh>
    <rPh sb="53" eb="55">
      <t>フクシ</t>
    </rPh>
    <rPh sb="55" eb="57">
      <t>マドグチ</t>
    </rPh>
    <rPh sb="57" eb="59">
      <t>アンナイ</t>
    </rPh>
    <rPh sb="59" eb="61">
      <t>ギョウム</t>
    </rPh>
    <rPh sb="61" eb="62">
      <t>トウ</t>
    </rPh>
    <phoneticPr fontId="7"/>
  </si>
  <si>
    <t>現在紙ベースである情報のデジタル化や執務エリアのフリーアドレス化によりスペースを創出し、新たな相談ブースや市民のためのスペース拡大など、区民の利便性・満足度向上等に向けたフロントヤード改革につなげる。</t>
    <rPh sb="44" eb="45">
      <t>アラ</t>
    </rPh>
    <rPh sb="47" eb="49">
      <t>ソウダン</t>
    </rPh>
    <rPh sb="53" eb="55">
      <t>シミン</t>
    </rPh>
    <rPh sb="63" eb="65">
      <t>カクダイ</t>
    </rPh>
    <phoneticPr fontId="3"/>
  </si>
  <si>
    <t>・住民票等発行手数料のキャッシュレス化に取りくみ、利便性向上を図る。
・区役所待合に行政キオスク端末を設置し、その利便性や簡便性を感じてもらうことでコンビニのマルチコピー機での証明書取得を促進し、来庁者の減少・待ち時間の短縮や待合の過密状態の解消などにつなげる。</t>
    <rPh sb="20" eb="21">
      <t>ト</t>
    </rPh>
    <rPh sb="31" eb="32">
      <t>ハカ</t>
    </rPh>
    <rPh sb="36" eb="39">
      <t>クヤクショ</t>
    </rPh>
    <rPh sb="85" eb="86">
      <t>キ</t>
    </rPh>
    <phoneticPr fontId="7"/>
  </si>
  <si>
    <t>千円　（７年度</t>
    <rPh sb="0" eb="2">
      <t>センエン</t>
    </rPh>
    <rPh sb="5" eb="7">
      <t>ネンド</t>
    </rPh>
    <phoneticPr fontId="7"/>
  </si>
  <si>
    <t>・施策等について立案段階から意見を把握し、区政における様々な適宜これを反映させるとともに、その実績及び成果の評価に係る意見や区政における様々な課題についての意見を区政会議委員から聴くことを目的として開催する区政会議の運営を行う。</t>
    <phoneticPr fontId="15"/>
  </si>
  <si>
    <t>・地域との協働による放置自転車対策にかかる啓発活動を実施し、だれもが安全で安心して通行できるよう、放置自転車台数の減少をめざす。</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quot;▲ &quot;#,##0"/>
    <numFmt numFmtId="177" formatCode="#,##0;&quot;▲&quot;#,##0"/>
    <numFmt numFmtId="178" formatCode="#,##0;&quot;△ &quot;#,##0"/>
  </numFmts>
  <fonts count="23">
    <font>
      <sz val="11"/>
      <color theme="1"/>
      <name val="ＭＳ Ｐゴシック"/>
      <family val="2"/>
      <charset val="128"/>
    </font>
    <font>
      <sz val="11"/>
      <name val="ＭＳ Ｐゴシック"/>
      <family val="3"/>
      <charset val="128"/>
    </font>
    <font>
      <sz val="8"/>
      <name val="ＭＳ Ｐゴシック"/>
      <family val="3"/>
      <charset val="128"/>
    </font>
    <font>
      <sz val="6"/>
      <name val="ＭＳ Ｐゴシック"/>
      <family val="2"/>
      <charset val="128"/>
    </font>
    <font>
      <sz val="11"/>
      <color theme="0"/>
      <name val="ＭＳ Ｐゴシック"/>
      <family val="3"/>
      <charset val="128"/>
    </font>
    <font>
      <sz val="6"/>
      <name val="ＭＳ Ｐゴシック"/>
      <family val="3"/>
      <charset val="128"/>
    </font>
    <font>
      <sz val="8"/>
      <color theme="1"/>
      <name val="ＭＳ Ｐゴシック"/>
      <family val="3"/>
      <charset val="128"/>
    </font>
    <font>
      <sz val="11"/>
      <color indexed="60"/>
      <name val="ＭＳ Ｐゴシック"/>
      <family val="3"/>
      <charset val="128"/>
    </font>
    <font>
      <sz val="10"/>
      <name val="ＭＳ Ｐゴシック"/>
      <family val="3"/>
      <charset val="128"/>
    </font>
    <font>
      <u/>
      <sz val="11"/>
      <color indexed="12"/>
      <name val="ＭＳ Ｐゴシック"/>
      <family val="3"/>
      <charset val="128"/>
    </font>
    <font>
      <b/>
      <sz val="12"/>
      <name val="ＭＳ Ｐゴシック"/>
      <family val="3"/>
      <charset val="128"/>
    </font>
    <font>
      <b/>
      <sz val="10"/>
      <name val="ＭＳ Ｐゴシック"/>
      <family val="3"/>
      <charset val="128"/>
    </font>
    <font>
      <u/>
      <sz val="11"/>
      <color indexed="36"/>
      <name val="ＭＳ Ｐゴシック"/>
      <family val="3"/>
      <charset val="128"/>
    </font>
    <font>
      <b/>
      <i/>
      <sz val="11"/>
      <name val="ＭＳ Ｐゴシック"/>
      <family val="3"/>
      <charset val="128"/>
    </font>
    <font>
      <sz val="6"/>
      <name val="游ゴシック"/>
      <family val="3"/>
      <charset val="128"/>
      <scheme val="minor"/>
    </font>
    <font>
      <b/>
      <sz val="8"/>
      <name val="ＭＳ Ｐ明朝"/>
      <family val="1"/>
      <charset val="128"/>
    </font>
    <font>
      <sz val="11"/>
      <name val="游ゴシック"/>
      <family val="3"/>
      <charset val="128"/>
    </font>
    <font>
      <sz val="10"/>
      <name val="游ゴシック"/>
      <family val="3"/>
      <charset val="128"/>
    </font>
    <font>
      <sz val="9"/>
      <color theme="0"/>
      <name val="ＭＳ Ｐゴシック"/>
      <family val="3"/>
      <charset val="128"/>
    </font>
    <font>
      <b/>
      <sz val="14"/>
      <name val="ＭＳ Ｐゴシック"/>
      <family val="3"/>
      <charset val="128"/>
    </font>
    <font>
      <b/>
      <sz val="16"/>
      <name val="ＭＳ Ｐゴシック"/>
      <family val="3"/>
      <charset val="128"/>
    </font>
    <font>
      <sz val="10.5"/>
      <name val="明朝体"/>
      <family val="3"/>
      <charset val="128"/>
    </font>
    <font>
      <sz val="10.5"/>
      <name val="ＭＳ Ｐゴシック"/>
      <family val="3"/>
      <charset val="128"/>
    </font>
  </fonts>
  <fills count="7">
    <fill>
      <patternFill patternType="none"/>
    </fill>
    <fill>
      <patternFill patternType="gray125"/>
    </fill>
    <fill>
      <patternFill patternType="solid">
        <fgColor theme="0" tint="-0.249977111117893"/>
        <bgColor indexed="64"/>
      </patternFill>
    </fill>
    <fill>
      <patternFill patternType="solid">
        <fgColor rgb="FFCCFFCC"/>
        <bgColor indexed="64"/>
      </patternFill>
    </fill>
    <fill>
      <patternFill patternType="solid">
        <fgColor indexed="42"/>
        <bgColor indexed="64"/>
      </patternFill>
    </fill>
    <fill>
      <patternFill patternType="solid">
        <fgColor indexed="9"/>
        <bgColor indexed="64"/>
      </patternFill>
    </fill>
    <fill>
      <patternFill patternType="solid">
        <fgColor rgb="FFFFFF99"/>
        <bgColor indexed="64"/>
      </patternFill>
    </fill>
  </fills>
  <borders count="15">
    <border>
      <left/>
      <right/>
      <top/>
      <bottom/>
      <diagonal/>
    </border>
    <border>
      <left/>
      <right style="thin">
        <color auto="1"/>
      </right>
      <top style="thin">
        <color auto="1"/>
      </top>
      <bottom style="thin">
        <color auto="1"/>
      </bottom>
      <diagonal/>
    </border>
    <border>
      <left/>
      <right/>
      <top style="thin">
        <color auto="1"/>
      </top>
      <bottom style="thin">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
      <left/>
      <right/>
      <top/>
      <bottom style="thin">
        <color indexed="64"/>
      </bottom>
      <diagonal/>
    </border>
    <border>
      <left style="thin">
        <color indexed="64"/>
      </left>
      <right/>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auto="1"/>
      </right>
      <top/>
      <bottom/>
      <diagonal/>
    </border>
    <border>
      <left style="thin">
        <color indexed="64"/>
      </left>
      <right/>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right style="medium">
        <color indexed="64"/>
      </right>
      <top style="thin">
        <color auto="1"/>
      </top>
      <bottom style="thin">
        <color auto="1"/>
      </bottom>
      <diagonal/>
    </border>
  </borders>
  <cellStyleXfs count="4">
    <xf numFmtId="0" fontId="0" fillId="0" borderId="0">
      <alignment vertical="center"/>
    </xf>
    <xf numFmtId="38" fontId="1" fillId="0" borderId="0" applyFont="0" applyFill="0" applyBorder="0" applyAlignment="0" applyProtection="0"/>
    <xf numFmtId="0" fontId="1" fillId="0" borderId="0"/>
    <xf numFmtId="0" fontId="21" fillId="0" borderId="0"/>
  </cellStyleXfs>
  <cellXfs count="80">
    <xf numFmtId="0" fontId="0" fillId="0" borderId="0" xfId="0">
      <alignment vertical="center"/>
    </xf>
    <xf numFmtId="38" fontId="2" fillId="0" borderId="0" xfId="1" applyFont="1" applyBorder="1" applyAlignment="1">
      <alignment vertical="center"/>
    </xf>
    <xf numFmtId="38" fontId="1" fillId="0" borderId="0" xfId="1" applyFont="1" applyBorder="1" applyAlignment="1">
      <alignment horizontal="center" vertical="center"/>
    </xf>
    <xf numFmtId="38" fontId="4" fillId="2" borderId="0" xfId="1" applyFont="1" applyFill="1" applyBorder="1" applyAlignment="1">
      <alignment horizontal="center" vertical="center"/>
    </xf>
    <xf numFmtId="38" fontId="8" fillId="0" borderId="4" xfId="1" applyFont="1" applyFill="1" applyBorder="1" applyAlignment="1">
      <alignment horizontal="right" vertical="center" shrinkToFit="1"/>
    </xf>
    <xf numFmtId="38" fontId="8" fillId="0" borderId="4" xfId="1" applyFont="1" applyFill="1" applyBorder="1" applyAlignment="1">
      <alignment horizontal="left" vertical="center" wrapText="1"/>
    </xf>
    <xf numFmtId="38" fontId="8" fillId="0" borderId="4" xfId="1" applyFont="1" applyFill="1" applyBorder="1" applyAlignment="1">
      <alignment vertical="center"/>
    </xf>
    <xf numFmtId="38" fontId="2" fillId="3" borderId="0" xfId="1" applyFont="1" applyFill="1" applyBorder="1" applyAlignment="1">
      <alignment vertical="center"/>
    </xf>
    <xf numFmtId="38" fontId="10" fillId="3" borderId="0" xfId="1" applyFont="1" applyFill="1" applyBorder="1" applyAlignment="1">
      <alignment vertical="center"/>
    </xf>
    <xf numFmtId="176" fontId="10" fillId="3" borderId="5" xfId="1" applyNumberFormat="1" applyFont="1" applyFill="1" applyBorder="1" applyAlignment="1">
      <alignment horizontal="right" vertical="center"/>
    </xf>
    <xf numFmtId="38" fontId="10" fillId="4" borderId="5" xfId="1" applyFont="1" applyFill="1" applyBorder="1" applyAlignment="1">
      <alignment horizontal="right" vertical="center"/>
    </xf>
    <xf numFmtId="38" fontId="10" fillId="4" borderId="6" xfId="1" applyFont="1" applyFill="1" applyBorder="1" applyAlignment="1">
      <alignment vertical="center" shrinkToFit="1"/>
    </xf>
    <xf numFmtId="38" fontId="2" fillId="0" borderId="0" xfId="1" applyFont="1" applyBorder="1" applyAlignment="1">
      <alignment vertical="center" wrapText="1"/>
    </xf>
    <xf numFmtId="38" fontId="8" fillId="0" borderId="0" xfId="1" applyFont="1" applyFill="1" applyBorder="1" applyAlignment="1">
      <alignment horizontal="right" vertical="center"/>
    </xf>
    <xf numFmtId="38" fontId="8" fillId="0" borderId="4" xfId="1" applyFont="1" applyFill="1" applyBorder="1" applyAlignment="1">
      <alignment horizontal="right" vertical="center" wrapText="1"/>
    </xf>
    <xf numFmtId="38" fontId="2" fillId="3" borderId="9" xfId="1" applyFont="1" applyFill="1" applyBorder="1" applyAlignment="1">
      <alignment vertical="center"/>
    </xf>
    <xf numFmtId="38" fontId="10" fillId="3" borderId="5" xfId="1" applyFont="1" applyFill="1" applyBorder="1" applyAlignment="1">
      <alignment vertical="center"/>
    </xf>
    <xf numFmtId="38" fontId="10" fillId="4" borderId="5" xfId="1" applyFont="1" applyFill="1" applyBorder="1" applyAlignment="1">
      <alignment horizontal="center" vertical="center"/>
    </xf>
    <xf numFmtId="38" fontId="10" fillId="4" borderId="6" xfId="1" applyFont="1" applyFill="1" applyBorder="1" applyAlignment="1">
      <alignment horizontal="left" vertical="center" shrinkToFit="1"/>
    </xf>
    <xf numFmtId="38" fontId="8" fillId="0" borderId="7" xfId="1" applyFont="1" applyBorder="1" applyAlignment="1">
      <alignment horizontal="left" vertical="center" wrapText="1"/>
    </xf>
    <xf numFmtId="38" fontId="2" fillId="5" borderId="0" xfId="1" applyFont="1" applyFill="1" applyBorder="1" applyAlignment="1">
      <alignment horizontal="left" vertical="center"/>
    </xf>
    <xf numFmtId="38" fontId="8" fillId="5" borderId="0" xfId="1" applyFont="1" applyFill="1" applyBorder="1" applyAlignment="1">
      <alignment horizontal="center" vertical="center"/>
    </xf>
    <xf numFmtId="38" fontId="8" fillId="0" borderId="13" xfId="1" applyFont="1" applyFill="1" applyBorder="1" applyAlignment="1">
      <alignment horizontal="right" vertical="center" shrinkToFit="1"/>
    </xf>
    <xf numFmtId="38" fontId="8" fillId="0" borderId="13" xfId="1" applyFont="1" applyFill="1" applyBorder="1" applyAlignment="1">
      <alignment horizontal="left" vertical="center" wrapText="1"/>
    </xf>
    <xf numFmtId="38" fontId="2" fillId="0" borderId="0" xfId="1" applyFont="1" applyBorder="1" applyAlignment="1">
      <alignment horizontal="center" vertical="center"/>
    </xf>
    <xf numFmtId="38" fontId="13" fillId="0" borderId="0" xfId="1" applyFont="1" applyBorder="1" applyAlignment="1">
      <alignment horizontal="center" vertical="center" wrapText="1"/>
    </xf>
    <xf numFmtId="38" fontId="8" fillId="0" borderId="0" xfId="1" applyFont="1" applyBorder="1" applyAlignment="1">
      <alignment horizontal="left" vertical="center" wrapText="1"/>
    </xf>
    <xf numFmtId="38" fontId="8" fillId="0" borderId="0" xfId="1" applyFont="1" applyBorder="1" applyAlignment="1">
      <alignment vertical="center"/>
    </xf>
    <xf numFmtId="38" fontId="1" fillId="6" borderId="3" xfId="1" applyFont="1" applyFill="1" applyBorder="1" applyAlignment="1">
      <alignment horizontal="center" vertical="center" wrapText="1"/>
    </xf>
    <xf numFmtId="38" fontId="18" fillId="2" borderId="0" xfId="1" applyFont="1" applyFill="1" applyBorder="1" applyAlignment="1">
      <alignment horizontal="center" vertical="center" wrapText="1"/>
    </xf>
    <xf numFmtId="38" fontId="1" fillId="0" borderId="0" xfId="1" applyFont="1" applyBorder="1" applyAlignment="1">
      <alignment horizontal="right" vertical="center"/>
    </xf>
    <xf numFmtId="38" fontId="19" fillId="0" borderId="0" xfId="1" applyFont="1" applyBorder="1" applyAlignment="1">
      <alignment horizontal="left" vertical="center"/>
    </xf>
    <xf numFmtId="38" fontId="19" fillId="0" borderId="0" xfId="1" applyFont="1" applyBorder="1" applyAlignment="1">
      <alignment vertical="center"/>
    </xf>
    <xf numFmtId="38" fontId="8" fillId="0" borderId="5" xfId="1" applyFont="1" applyBorder="1" applyAlignment="1">
      <alignment horizontal="left" vertical="center" wrapText="1"/>
    </xf>
    <xf numFmtId="38" fontId="8" fillId="0" borderId="5" xfId="1" applyFont="1" applyBorder="1" applyAlignment="1">
      <alignment horizontal="right" vertical="center" wrapText="1"/>
    </xf>
    <xf numFmtId="38" fontId="2" fillId="0" borderId="5" xfId="1" applyFont="1" applyFill="1" applyBorder="1" applyAlignment="1">
      <alignment horizontal="left" vertical="center" wrapText="1"/>
    </xf>
    <xf numFmtId="38" fontId="2" fillId="0" borderId="5" xfId="1" applyFont="1" applyBorder="1" applyAlignment="1">
      <alignment vertical="center"/>
    </xf>
    <xf numFmtId="178" fontId="22" fillId="0" borderId="4" xfId="3" applyNumberFormat="1" applyFont="1" applyBorder="1" applyAlignment="1">
      <alignment vertical="center" shrinkToFit="1"/>
    </xf>
    <xf numFmtId="38" fontId="8" fillId="0" borderId="4" xfId="1" applyFont="1" applyFill="1" applyBorder="1" applyAlignment="1">
      <alignment vertical="center" wrapText="1"/>
    </xf>
    <xf numFmtId="177" fontId="19" fillId="0" borderId="0" xfId="1" applyNumberFormat="1" applyFont="1" applyBorder="1" applyAlignment="1">
      <alignment horizontal="right" vertical="center" shrinkToFit="1"/>
    </xf>
    <xf numFmtId="38" fontId="19" fillId="0" borderId="0" xfId="1" applyFont="1" applyBorder="1" applyAlignment="1">
      <alignment horizontal="right" vertical="center"/>
    </xf>
    <xf numFmtId="38" fontId="10" fillId="4" borderId="8" xfId="1" applyFont="1" applyFill="1" applyBorder="1" applyAlignment="1">
      <alignment horizontal="left" vertical="center"/>
    </xf>
    <xf numFmtId="38" fontId="10" fillId="4" borderId="7" xfId="1" applyFont="1" applyFill="1" applyBorder="1" applyAlignment="1">
      <alignment horizontal="left" vertical="center"/>
    </xf>
    <xf numFmtId="38" fontId="10" fillId="4" borderId="12" xfId="1" applyFont="1" applyFill="1" applyBorder="1" applyAlignment="1">
      <alignment horizontal="left" vertical="center"/>
    </xf>
    <xf numFmtId="38" fontId="20" fillId="0" borderId="0" xfId="1" applyFont="1" applyBorder="1" applyAlignment="1">
      <alignment horizontal="center" vertical="center"/>
    </xf>
    <xf numFmtId="38" fontId="19" fillId="0" borderId="0" xfId="1" applyFont="1" applyBorder="1" applyAlignment="1">
      <alignment horizontal="center" vertical="center"/>
    </xf>
    <xf numFmtId="38" fontId="19" fillId="0" borderId="0" xfId="1" applyFont="1" applyBorder="1" applyAlignment="1">
      <alignment horizontal="right" vertical="center"/>
    </xf>
    <xf numFmtId="38" fontId="1" fillId="6" borderId="3" xfId="1" applyFont="1" applyFill="1" applyBorder="1" applyAlignment="1">
      <alignment horizontal="center" vertical="center"/>
    </xf>
    <xf numFmtId="38" fontId="1" fillId="6" borderId="2" xfId="1" applyFont="1" applyFill="1" applyBorder="1" applyAlignment="1">
      <alignment horizontal="center" vertical="center"/>
    </xf>
    <xf numFmtId="38" fontId="1" fillId="6" borderId="1" xfId="1" applyFont="1" applyFill="1" applyBorder="1" applyAlignment="1">
      <alignment horizontal="center" vertical="center"/>
    </xf>
    <xf numFmtId="38" fontId="6" fillId="0" borderId="3" xfId="1" applyFont="1" applyFill="1" applyBorder="1" applyAlignment="1">
      <alignment horizontal="left" vertical="center" wrapText="1"/>
    </xf>
    <xf numFmtId="38" fontId="6" fillId="0" borderId="2" xfId="1" applyFont="1" applyFill="1" applyBorder="1" applyAlignment="1">
      <alignment horizontal="left" vertical="center" wrapText="1"/>
    </xf>
    <xf numFmtId="38" fontId="6" fillId="0" borderId="1" xfId="1" applyFont="1" applyFill="1" applyBorder="1" applyAlignment="1">
      <alignment horizontal="left" vertical="center" wrapText="1"/>
    </xf>
    <xf numFmtId="38" fontId="11" fillId="4" borderId="11" xfId="1" applyFont="1" applyFill="1" applyBorder="1" applyAlignment="1">
      <alignment horizontal="left" vertical="center"/>
    </xf>
    <xf numFmtId="38" fontId="11" fillId="4" borderId="0" xfId="1" applyFont="1" applyFill="1" applyBorder="1" applyAlignment="1">
      <alignment horizontal="left" vertical="center"/>
    </xf>
    <xf numFmtId="38" fontId="11" fillId="4" borderId="10" xfId="1" applyFont="1" applyFill="1" applyBorder="1" applyAlignment="1">
      <alignment horizontal="left" vertical="center"/>
    </xf>
    <xf numFmtId="38" fontId="10" fillId="3" borderId="5" xfId="1" applyFont="1" applyFill="1" applyBorder="1" applyAlignment="1">
      <alignment horizontal="right" vertical="center"/>
    </xf>
    <xf numFmtId="38" fontId="10" fillId="3" borderId="5" xfId="1" applyFont="1" applyFill="1" applyBorder="1" applyAlignment="1">
      <alignment horizontal="center" vertical="center"/>
    </xf>
    <xf numFmtId="38" fontId="2" fillId="0" borderId="3" xfId="1" applyFont="1" applyFill="1" applyBorder="1" applyAlignment="1">
      <alignment horizontal="left" vertical="center" wrapText="1"/>
    </xf>
    <xf numFmtId="38" fontId="2" fillId="0" borderId="2" xfId="1" applyFont="1" applyFill="1" applyBorder="1" applyAlignment="1">
      <alignment horizontal="left" vertical="center" wrapText="1"/>
    </xf>
    <xf numFmtId="38" fontId="2" fillId="0" borderId="14" xfId="1" applyFont="1" applyFill="1" applyBorder="1" applyAlignment="1">
      <alignment horizontal="left" vertical="center" wrapText="1"/>
    </xf>
    <xf numFmtId="0" fontId="2" fillId="0" borderId="3" xfId="2" applyFont="1" applyFill="1" applyBorder="1" applyAlignment="1">
      <alignment horizontal="left" vertical="center" wrapText="1"/>
    </xf>
    <xf numFmtId="0" fontId="2" fillId="0" borderId="2" xfId="2" applyFont="1" applyFill="1" applyBorder="1" applyAlignment="1">
      <alignment horizontal="left" vertical="center" wrapText="1"/>
    </xf>
    <xf numFmtId="0" fontId="2" fillId="0" borderId="1" xfId="2" applyFont="1" applyFill="1" applyBorder="1" applyAlignment="1">
      <alignment horizontal="left" vertical="center" wrapText="1"/>
    </xf>
    <xf numFmtId="0" fontId="6" fillId="0" borderId="3" xfId="2" applyFont="1" applyFill="1" applyBorder="1" applyAlignment="1">
      <alignment horizontal="left" vertical="center" wrapText="1"/>
    </xf>
    <xf numFmtId="0" fontId="6" fillId="0" borderId="2" xfId="2" applyFont="1" applyFill="1" applyBorder="1" applyAlignment="1">
      <alignment horizontal="left" vertical="center" wrapText="1"/>
    </xf>
    <xf numFmtId="0" fontId="6" fillId="0" borderId="1" xfId="2" applyFont="1" applyFill="1" applyBorder="1" applyAlignment="1">
      <alignment horizontal="left" vertical="center" wrapText="1"/>
    </xf>
    <xf numFmtId="38" fontId="2" fillId="0" borderId="1" xfId="1" applyFont="1" applyFill="1" applyBorder="1" applyAlignment="1">
      <alignment horizontal="left" vertical="center" wrapText="1"/>
    </xf>
    <xf numFmtId="38" fontId="11" fillId="4" borderId="8" xfId="1" applyFont="1" applyFill="1" applyBorder="1" applyAlignment="1">
      <alignment horizontal="left" vertical="center"/>
    </xf>
    <xf numFmtId="38" fontId="11" fillId="4" borderId="7" xfId="1" applyFont="1" applyFill="1" applyBorder="1" applyAlignment="1">
      <alignment horizontal="left" vertical="center"/>
    </xf>
    <xf numFmtId="38" fontId="11" fillId="4" borderId="12" xfId="1" applyFont="1" applyFill="1" applyBorder="1" applyAlignment="1">
      <alignment horizontal="left" vertical="center"/>
    </xf>
    <xf numFmtId="0" fontId="6" fillId="0" borderId="14" xfId="2" applyFont="1" applyFill="1" applyBorder="1" applyAlignment="1">
      <alignment horizontal="left" vertical="center" wrapText="1"/>
    </xf>
    <xf numFmtId="0" fontId="10" fillId="3" borderId="8" xfId="2" applyFont="1" applyFill="1" applyBorder="1" applyAlignment="1">
      <alignment horizontal="left" vertical="center"/>
    </xf>
    <xf numFmtId="0" fontId="10" fillId="3" borderId="7" xfId="2" applyFont="1" applyFill="1" applyBorder="1" applyAlignment="1">
      <alignment horizontal="left" vertical="center"/>
    </xf>
    <xf numFmtId="0" fontId="10" fillId="3" borderId="12" xfId="2" applyFont="1" applyFill="1" applyBorder="1" applyAlignment="1">
      <alignment horizontal="left" vertical="center"/>
    </xf>
    <xf numFmtId="38" fontId="11" fillId="3" borderId="8" xfId="1" applyFont="1" applyFill="1" applyBorder="1" applyAlignment="1">
      <alignment horizontal="left" vertical="center" shrinkToFit="1"/>
    </xf>
    <xf numFmtId="38" fontId="11" fillId="3" borderId="7" xfId="1" applyFont="1" applyFill="1" applyBorder="1" applyAlignment="1">
      <alignment horizontal="left" vertical="center" shrinkToFit="1"/>
    </xf>
    <xf numFmtId="38" fontId="2" fillId="0" borderId="3" xfId="1" applyFont="1" applyFill="1" applyBorder="1" applyAlignment="1">
      <alignment vertical="center" wrapText="1"/>
    </xf>
    <xf numFmtId="38" fontId="2" fillId="0" borderId="2" xfId="1" applyFont="1" applyFill="1" applyBorder="1" applyAlignment="1">
      <alignment vertical="center" wrapText="1"/>
    </xf>
    <xf numFmtId="38" fontId="2" fillId="0" borderId="1" xfId="1" applyFont="1" applyFill="1" applyBorder="1" applyAlignment="1">
      <alignment vertical="center" wrapText="1"/>
    </xf>
  </cellXfs>
  <cellStyles count="4">
    <cellStyle name="桁区切り 2" xfId="1" xr:uid="{00000000-0005-0000-0000-000000000000}"/>
    <cellStyle name="標準" xfId="0" builtinId="0"/>
    <cellStyle name="標準 2" xfId="2" xr:uid="{00000000-0005-0000-0000-000002000000}"/>
    <cellStyle name="標準_③予算事業別調書(目次様式)" xfId="3" xr:uid="{CFEAF43F-D865-429E-A5A4-736E9238CA3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U:\&#25351;&#23450;&#32113;&#35336;\00%20&#35211;&#31309;\03_&#38283;&#30330;&#12473;&#12465;&#12472;&#12517;&#12540;&#1252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ogsworth\Traffic%20Home\2-2\&#38283;&#30330;&#38917;&#30446;\&#20491;&#21029;\&#23450;&#28857;&#20998;&#26512;\&#23450;&#28857;&#65318;&#2018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Y:\Users\i4250003\AppData\Local\Microsoft\Windows\Temporary%20Internet%20Files\Content.Outlook\E6ZMVT07\&#22243;&#20307;&#26989;&#32318;&#35413;&#20385;\&#9733;&#9734;&#9733;&#22806;&#37101;&#22243;&#20307;&#26989;&#32318;&#35413;&#20385;&#12471;&#12540;&#12488;&#65288;&#26666;&#24335;&#65289;H22&#12304;&#27096;&#24335;&#12305;(version6).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基本情報"/>
      <sheetName val="大日程"/>
      <sheetName val="年間日程"/>
      <sheetName val="中日程"/>
      <sheetName val="小日程"/>
      <sheetName val="TABLE"/>
      <sheetName val="03_開発スケジュール"/>
      <sheetName val="#REF"/>
      <sheetName val="RAK01AD"/>
      <sheetName val="ワーク"/>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AK01AD"/>
      <sheetName val="RAK01AT"/>
      <sheetName val="RAK01AE"/>
      <sheetName val="RAK02DT"/>
      <sheetName val="RAK02DD"/>
      <sheetName val="RAK02DE"/>
      <sheetName val="RAK03DT"/>
      <sheetName val="RAK03DD"/>
      <sheetName val="RAK03DE"/>
      <sheetName val="RAK04DT"/>
      <sheetName val="RAK04DD"/>
      <sheetName val="RAK04DE"/>
      <sheetName val="RAK05DT"/>
      <sheetName val="RAK05DD"/>
      <sheetName val="RAK05DE"/>
      <sheetName val="RAK06DT"/>
      <sheetName val="RAK06DD"/>
      <sheetName val="RAK06DE"/>
      <sheetName val="RAK07DT"/>
      <sheetName val="RAK07DD"/>
      <sheetName val="RAK07DE"/>
      <sheetName val="RAK08DT"/>
      <sheetName val="RAK08DD"/>
      <sheetName val="RAK08DE"/>
      <sheetName val="RAK09AT"/>
      <sheetName val="RAK09AD"/>
      <sheetName val="RAK09AE"/>
      <sheetName val="RAK10AT"/>
      <sheetName val="RAK10AD"/>
      <sheetName val="RAK10AE"/>
      <sheetName val="RAK11AT"/>
      <sheetName val="RAK11AD"/>
      <sheetName val="RAK11AE"/>
      <sheetName val="RAK12AT"/>
      <sheetName val="RAK12AD"/>
      <sheetName val="RAK12AE"/>
      <sheetName val="RAK13AT"/>
      <sheetName val="RAK13AD"/>
      <sheetName val="RAK13AE"/>
      <sheetName val="RAK14AT"/>
      <sheetName val="RAK14AD"/>
      <sheetName val="RAK14AE"/>
      <sheetName val="RAK15AT"/>
      <sheetName val="RAK15AD"/>
      <sheetName val="RAK15AE"/>
      <sheetName val="RAK16AT"/>
      <sheetName val="RAK16AD"/>
      <sheetName val="RAK16AE"/>
      <sheetName val="RAK17AT"/>
      <sheetName val="RAK17AD"/>
      <sheetName val="RAK17AE"/>
      <sheetName val="RAK18AT"/>
      <sheetName val="RAK18AD"/>
      <sheetName val="RAK18AE"/>
      <sheetName val="RAK19AT"/>
      <sheetName val="RAK19AD"/>
      <sheetName val="RAK19AE"/>
      <sheetName val="RAK20AT"/>
      <sheetName val="RAK20AD"/>
      <sheetName val="RAK20AE"/>
      <sheetName val="RAK21AT"/>
      <sheetName val="RAK21AD"/>
      <sheetName val="RAK21AE"/>
      <sheetName val="RAK22AT"/>
      <sheetName val="RAK22AD"/>
      <sheetName val="RAK22AE"/>
    </sheetNames>
    <sheetDataSet>
      <sheetData sheetId="0" refreshError="1">
        <row r="9">
          <cell r="B9">
            <v>1</v>
          </cell>
        </row>
        <row r="10">
          <cell r="B10">
            <v>2</v>
          </cell>
        </row>
        <row r="11">
          <cell r="B11">
            <v>3</v>
          </cell>
        </row>
        <row r="12">
          <cell r="B12">
            <v>4</v>
          </cell>
        </row>
        <row r="13">
          <cell r="B13">
            <v>5</v>
          </cell>
        </row>
        <row r="14">
          <cell r="B14">
            <v>6</v>
          </cell>
        </row>
        <row r="15">
          <cell r="B15">
            <v>7</v>
          </cell>
        </row>
        <row r="16">
          <cell r="B16">
            <v>8</v>
          </cell>
        </row>
        <row r="17">
          <cell r="B17">
            <v>9</v>
          </cell>
        </row>
        <row r="18">
          <cell r="B18">
            <v>10</v>
          </cell>
        </row>
        <row r="19">
          <cell r="B19">
            <v>11</v>
          </cell>
        </row>
        <row r="20">
          <cell r="B20">
            <v>12</v>
          </cell>
        </row>
        <row r="21">
          <cell r="B21">
            <v>13</v>
          </cell>
        </row>
        <row r="22">
          <cell r="B22">
            <v>14</v>
          </cell>
        </row>
        <row r="23">
          <cell r="B23">
            <v>15</v>
          </cell>
        </row>
        <row r="24">
          <cell r="B24">
            <v>16</v>
          </cell>
        </row>
        <row r="25">
          <cell r="B25">
            <v>17</v>
          </cell>
        </row>
        <row r="26">
          <cell r="B26">
            <v>18</v>
          </cell>
        </row>
        <row r="27">
          <cell r="B27">
            <v>19</v>
          </cell>
        </row>
        <row r="28">
          <cell r="B28">
            <v>20</v>
          </cell>
        </row>
        <row r="29">
          <cell r="B29">
            <v>21</v>
          </cell>
        </row>
        <row r="30">
          <cell r="B30">
            <v>22</v>
          </cell>
        </row>
        <row r="31">
          <cell r="B31">
            <v>23</v>
          </cell>
        </row>
        <row r="32">
          <cell r="B32">
            <v>24</v>
          </cell>
        </row>
        <row r="33">
          <cell r="B33">
            <v>25</v>
          </cell>
        </row>
        <row r="34">
          <cell r="B34">
            <v>26</v>
          </cell>
        </row>
        <row r="35">
          <cell r="B35">
            <v>27</v>
          </cell>
        </row>
        <row r="36">
          <cell r="B36">
            <v>28</v>
          </cell>
        </row>
        <row r="37">
          <cell r="B37">
            <v>29</v>
          </cell>
        </row>
        <row r="38">
          <cell r="B38">
            <v>30</v>
          </cell>
        </row>
        <row r="39">
          <cell r="B39">
            <v>31</v>
          </cell>
        </row>
        <row r="40">
          <cell r="B40">
            <v>32</v>
          </cell>
        </row>
        <row r="41">
          <cell r="B41">
            <v>33</v>
          </cell>
        </row>
        <row r="42">
          <cell r="B42">
            <v>34</v>
          </cell>
        </row>
        <row r="43">
          <cell r="B43">
            <v>35</v>
          </cell>
        </row>
        <row r="44">
          <cell r="B44">
            <v>36</v>
          </cell>
        </row>
        <row r="45">
          <cell r="B45">
            <v>37</v>
          </cell>
        </row>
        <row r="46">
          <cell r="B46">
            <v>38</v>
          </cell>
        </row>
        <row r="47">
          <cell r="B47">
            <v>39</v>
          </cell>
        </row>
        <row r="48">
          <cell r="B48">
            <v>40</v>
          </cell>
        </row>
        <row r="49">
          <cell r="B49">
            <v>41</v>
          </cell>
        </row>
        <row r="50">
          <cell r="B50">
            <v>42</v>
          </cell>
        </row>
        <row r="51">
          <cell r="B51">
            <v>43</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データ"/>
      <sheetName val="★表紙"/>
      <sheetName val="★概要"/>
      <sheetName val="★（株）"/>
      <sheetName val="グラフ(株)"/>
      <sheetName val="★(財)"/>
      <sheetName val="グラフ(財)"/>
      <sheetName val="★(社福)"/>
      <sheetName val="グラフ(社福)"/>
      <sheetName val="★事業"/>
      <sheetName val="★評価"/>
      <sheetName val="人的（非）"/>
      <sheetName val="指標（非）(株)"/>
      <sheetName val="指標（非）(財)"/>
      <sheetName val="指標（内部）(社福)"/>
      <sheetName val="指標説明"/>
      <sheetName val="財務(非)"/>
      <sheetName val="★ (財)(正味)"/>
      <sheetName val="グラフ(財)(正味)"/>
    </sheetNames>
    <sheetDataSet>
      <sheetData sheetId="0">
        <row r="4">
          <cell r="B4" t="str">
            <v>(財)大阪国際交流センター</v>
          </cell>
        </row>
        <row r="5">
          <cell r="B5" t="str">
            <v>(財)大阪市女性協会</v>
          </cell>
        </row>
        <row r="6">
          <cell r="B6" t="str">
            <v>(財)アジア・太平洋人権情報センター</v>
          </cell>
        </row>
        <row r="7">
          <cell r="B7" t="str">
            <v>(株)大阪市開発公社</v>
          </cell>
        </row>
        <row r="8">
          <cell r="B8" t="str">
            <v>大阪市土地開発公社</v>
          </cell>
        </row>
        <row r="9">
          <cell r="B9" t="str">
            <v>(財)大阪市都市工学情報センター</v>
          </cell>
        </row>
        <row r="10">
          <cell r="B10" t="str">
            <v>(株)湊町開発センター</v>
          </cell>
        </row>
        <row r="11">
          <cell r="B11" t="str">
            <v>大阪外環状鉄道(株)</v>
          </cell>
        </row>
        <row r="12">
          <cell r="B12" t="str">
            <v>(社福)大阪社会医療センター</v>
          </cell>
        </row>
        <row r="13">
          <cell r="B13" t="str">
            <v>(財)大阪市環境保健協会</v>
          </cell>
        </row>
        <row r="14">
          <cell r="B14" t="str">
            <v>(財)大阪市救急医療事業団</v>
          </cell>
        </row>
        <row r="15">
          <cell r="B15" t="str">
            <v>(財)大阪市スポーツ・みどり振興協会</v>
          </cell>
        </row>
        <row r="16">
          <cell r="B16" t="str">
            <v>(財)大阪城ホール</v>
          </cell>
        </row>
        <row r="17">
          <cell r="B17" t="str">
            <v>(財)大阪二十一世紀協会</v>
          </cell>
        </row>
        <row r="18">
          <cell r="B18" t="str">
            <v>(財)大阪市博物館協会</v>
          </cell>
        </row>
        <row r="19">
          <cell r="B19" t="str">
            <v>(財)大阪科学振興協会</v>
          </cell>
        </row>
        <row r="20">
          <cell r="B20" t="str">
            <v>(財)大阪国際経済振興センター</v>
          </cell>
        </row>
        <row r="21">
          <cell r="B21" t="str">
            <v>大阪市信用保証協会</v>
          </cell>
        </row>
        <row r="22">
          <cell r="B22" t="str">
            <v>(株)大阪マーチャンダイズ・マート</v>
          </cell>
        </row>
        <row r="23">
          <cell r="B23" t="str">
            <v>アジア太平洋トレードセンター(株)</v>
          </cell>
        </row>
        <row r="24">
          <cell r="B24" t="str">
            <v>(株)大阪鶴見フラワーセンター</v>
          </cell>
        </row>
        <row r="25">
          <cell r="B25" t="str">
            <v>大阪市商業振興企画(株)</v>
          </cell>
        </row>
        <row r="26">
          <cell r="B26" t="str">
            <v>(公財)地球環境センター</v>
          </cell>
        </row>
        <row r="27">
          <cell r="B27" t="str">
            <v>(財)大阪市環境事業協会</v>
          </cell>
        </row>
        <row r="28">
          <cell r="B28" t="str">
            <v>大阪市住宅供給公社</v>
          </cell>
        </row>
        <row r="29">
          <cell r="B29" t="str">
            <v>(財)大阪市建築技術協会</v>
          </cell>
        </row>
        <row r="30">
          <cell r="B30" t="str">
            <v>(財)大阪市都市建設技術協会</v>
          </cell>
        </row>
        <row r="31">
          <cell r="B31" t="str">
            <v>大阪市街地開発(株)</v>
          </cell>
        </row>
        <row r="32">
          <cell r="B32" t="str">
            <v>大阪市道路公社</v>
          </cell>
        </row>
        <row r="33">
          <cell r="B33" t="str">
            <v>大阪地下街(株)</v>
          </cell>
        </row>
        <row r="34">
          <cell r="B34" t="str">
            <v>クリスタ長堀(株)</v>
          </cell>
        </row>
        <row r="35">
          <cell r="B35" t="str">
            <v>(財)大阪市下水道技術協会</v>
          </cell>
        </row>
        <row r="36">
          <cell r="B36" t="str">
            <v>(財)大阪港埠頭公社</v>
          </cell>
        </row>
        <row r="37">
          <cell r="B37" t="str">
            <v>大阪港埠頭ターミナル(株)</v>
          </cell>
        </row>
        <row r="38">
          <cell r="B38" t="str">
            <v>大阪港木材倉庫(株)</v>
          </cell>
        </row>
        <row r="39">
          <cell r="B39" t="str">
            <v>(株)大阪港トランスポートシステム</v>
          </cell>
        </row>
        <row r="40">
          <cell r="B40" t="str">
            <v>大阪ウォーターフロント開発(株)</v>
          </cell>
        </row>
        <row r="41">
          <cell r="B41" t="str">
            <v>(財)大阪市消防振興協会</v>
          </cell>
        </row>
        <row r="42">
          <cell r="B42" t="str">
            <v>交通サービス(株)</v>
          </cell>
        </row>
        <row r="43">
          <cell r="B43" t="str">
            <v>大阪運輸振興(株)</v>
          </cell>
        </row>
        <row r="44">
          <cell r="B44" t="str">
            <v>(株)大阪メトロサービス</v>
          </cell>
        </row>
        <row r="45">
          <cell r="B45" t="str">
            <v>(株)大阪水道総合サービス</v>
          </cell>
        </row>
        <row r="46">
          <cell r="B46" t="str">
            <v>(財)大阪市教育振興公社</v>
          </cell>
        </row>
        <row r="47">
          <cell r="B47" t="str">
            <v>(財)大阪国際平和センター</v>
          </cell>
        </row>
        <row r="48">
          <cell r="B48" t="str">
            <v>(公財)大阪府暴力追放推進センター</v>
          </cell>
        </row>
        <row r="49">
          <cell r="B49" t="str">
            <v>関西高速鉄道(株)</v>
          </cell>
        </row>
        <row r="50">
          <cell r="B50" t="str">
            <v>大阪国際空港ターミナル(株)</v>
          </cell>
        </row>
        <row r="51">
          <cell r="B51" t="str">
            <v>西大阪高速鉄道(株)</v>
          </cell>
        </row>
        <row r="52">
          <cell r="B52" t="str">
            <v>中之島高速鉄道(株)</v>
          </cell>
        </row>
        <row r="53">
          <cell r="B53" t="str">
            <v>(株)かんでんエルハート</v>
          </cell>
        </row>
        <row r="54">
          <cell r="B54" t="str">
            <v>(財)大阪観光コンベンション協会</v>
          </cell>
        </row>
        <row r="55">
          <cell r="B55" t="str">
            <v>(財)国際花と緑の博覧会記念協会</v>
          </cell>
        </row>
        <row r="56">
          <cell r="B56" t="str">
            <v>(財)大阪市農業センター</v>
          </cell>
        </row>
        <row r="57">
          <cell r="B57" t="str">
            <v>(社)大阪市人権協会</v>
          </cell>
        </row>
        <row r="58">
          <cell r="B58" t="str">
            <v>(財)大阪市民共済会</v>
          </cell>
        </row>
        <row r="59">
          <cell r="B59" t="str">
            <v>(社福)大阪市社会福祉協議会</v>
          </cell>
        </row>
        <row r="60">
          <cell r="B60" t="str">
            <v>(社福)みおつくし福祉会</v>
          </cell>
        </row>
        <row r="61">
          <cell r="B61" t="str">
            <v>(社福)大阪市障害者福祉・スポーツ協会</v>
          </cell>
        </row>
        <row r="62">
          <cell r="B62" t="str">
            <v>(財)大阪市身体障害者団体協議会</v>
          </cell>
        </row>
        <row r="63">
          <cell r="B63" t="str">
            <v>(社)大阪市老人クラブ連合会</v>
          </cell>
        </row>
        <row r="64">
          <cell r="B64" t="str">
            <v>(社)大阪生活衛生協会</v>
          </cell>
        </row>
        <row r="65">
          <cell r="B65" t="str">
            <v>(財)大阪バイオサイエンス研究所</v>
          </cell>
        </row>
        <row r="66">
          <cell r="B66" t="str">
            <v>(財)大阪市青少年活動協会</v>
          </cell>
        </row>
        <row r="67">
          <cell r="B67" t="str">
            <v>(財)大阪市中小企業勤労者福祉サービスセンター</v>
          </cell>
        </row>
        <row r="68">
          <cell r="B68" t="str">
            <v>(財)大阪市都市型産業振興センター</v>
          </cell>
        </row>
        <row r="69">
          <cell r="B69" t="str">
            <v>(公社)大阪港振興協会</v>
          </cell>
        </row>
        <row r="70">
          <cell r="B70" t="str">
            <v>(社)大阪市清港会</v>
          </cell>
        </row>
        <row r="71">
          <cell r="B71" t="str">
            <v>(財)大阪市学校給食協会</v>
          </cell>
        </row>
        <row r="72">
          <cell r="B72" t="str">
            <v>(社福)大阪市北区社会福祉協議会</v>
          </cell>
        </row>
        <row r="73">
          <cell r="B73" t="str">
            <v>(社福)大阪市都島区社会福祉協議会</v>
          </cell>
        </row>
        <row r="74">
          <cell r="B74" t="str">
            <v>(社福)大阪市福島区社会福祉協議会</v>
          </cell>
        </row>
        <row r="75">
          <cell r="B75" t="str">
            <v>(社福)大阪市此花区社会福祉協議会</v>
          </cell>
        </row>
        <row r="76">
          <cell r="B76" t="str">
            <v>(社福)大阪市中央区社会福祉協議会</v>
          </cell>
        </row>
        <row r="77">
          <cell r="B77" t="str">
            <v>(社福)大阪市西区社会福祉協議会</v>
          </cell>
        </row>
        <row r="78">
          <cell r="B78" t="str">
            <v>(社福)大阪市港区社会福祉協議会</v>
          </cell>
        </row>
        <row r="79">
          <cell r="B79" t="str">
            <v>(社福)大阪市大正区社会福祉協議会</v>
          </cell>
        </row>
        <row r="80">
          <cell r="B80" t="str">
            <v>(社福)大阪市天王寺区社会福祉協議会</v>
          </cell>
        </row>
        <row r="81">
          <cell r="B81" t="str">
            <v>(社福)大阪市浪速区社会福祉協議会</v>
          </cell>
        </row>
        <row r="82">
          <cell r="B82" t="str">
            <v>(社福)大阪市西淀川区社会福祉協議会</v>
          </cell>
        </row>
        <row r="83">
          <cell r="B83" t="str">
            <v>(社福)大阪市淀川区社会福祉協議会</v>
          </cell>
        </row>
        <row r="84">
          <cell r="B84" t="str">
            <v>(社福)大阪市東淀川区社会福祉協議会</v>
          </cell>
        </row>
        <row r="85">
          <cell r="B85" t="str">
            <v>(社福)大阪市東成区社会福祉協議会</v>
          </cell>
        </row>
        <row r="86">
          <cell r="B86" t="str">
            <v>(社福)大阪市生野区社会福祉協議会</v>
          </cell>
        </row>
        <row r="87">
          <cell r="B87" t="str">
            <v>(社福)大阪市旭区社会福祉協議会</v>
          </cell>
        </row>
        <row r="88">
          <cell r="B88" t="str">
            <v>(社福)大阪市城東区社会福祉協議会</v>
          </cell>
        </row>
        <row r="89">
          <cell r="B89" t="str">
            <v>(社福)大阪市鶴見区社会福祉協議会</v>
          </cell>
        </row>
        <row r="90">
          <cell r="B90" t="str">
            <v>(社福)大阪市阿倍野区社会福祉協議会</v>
          </cell>
        </row>
        <row r="91">
          <cell r="B91" t="str">
            <v>(社福)大阪市住之江区社会福祉協議会</v>
          </cell>
        </row>
        <row r="92">
          <cell r="B92" t="str">
            <v>(社福)大阪市住吉区社会福祉協議会</v>
          </cell>
        </row>
        <row r="93">
          <cell r="B93" t="str">
            <v>(社福)大阪市東住吉区社会福祉協議会</v>
          </cell>
        </row>
        <row r="94">
          <cell r="B94" t="str">
            <v>(社福)大阪市平野区社会福祉協議会</v>
          </cell>
        </row>
        <row r="95">
          <cell r="B95" t="str">
            <v>(社福)大阪市西成区社会福祉協議会</v>
          </cell>
        </row>
        <row r="96">
          <cell r="B96" t="str">
            <v>堂島地下街(株)</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9818E3E-1B9C-4EA1-A5F1-6F07CFF1059B}">
  <sheetPr>
    <tabColor theme="1"/>
  </sheetPr>
  <dimension ref="A1:L60"/>
  <sheetViews>
    <sheetView tabSelected="1" view="pageBreakPreview" topLeftCell="B53" zoomScale="120" zoomScaleNormal="115" zoomScaleSheetLayoutView="120" zoomScalePageLayoutView="25" workbookViewId="0">
      <selection activeCell="C14" sqref="C14"/>
    </sheetView>
  </sheetViews>
  <sheetFormatPr defaultRowHeight="39.9" customHeight="1"/>
  <cols>
    <col min="1" max="1" width="3.44140625" style="3" bestFit="1" customWidth="1"/>
    <col min="2" max="2" width="28.77734375" style="2" customWidth="1"/>
    <col min="3" max="3" width="12.44140625" style="2" customWidth="1"/>
    <col min="4" max="4" width="13.77734375" style="1" customWidth="1"/>
    <col min="5" max="5" width="2.44140625" style="1" customWidth="1"/>
    <col min="6" max="6" width="6.5546875" style="1" customWidth="1"/>
    <col min="7" max="7" width="5" style="1" customWidth="1"/>
    <col min="8" max="8" width="12.109375" style="1" customWidth="1"/>
    <col min="9" max="9" width="11.88671875" style="1" customWidth="1"/>
    <col min="10" max="10" width="10.44140625" style="1" customWidth="1"/>
    <col min="11" max="11" width="23.77734375" style="1" customWidth="1"/>
    <col min="12" max="256" width="8.88671875" style="1"/>
    <col min="257" max="257" width="3.44140625" style="1" bestFit="1" customWidth="1"/>
    <col min="258" max="258" width="28.77734375" style="1" customWidth="1"/>
    <col min="259" max="259" width="13.109375" style="1" customWidth="1"/>
    <col min="260" max="260" width="13.77734375" style="1" customWidth="1"/>
    <col min="261" max="261" width="2.44140625" style="1" customWidth="1"/>
    <col min="262" max="262" width="5.77734375" style="1" customWidth="1"/>
    <col min="263" max="263" width="5" style="1" customWidth="1"/>
    <col min="264" max="264" width="12.44140625" style="1" customWidth="1"/>
    <col min="265" max="265" width="7.44140625" style="1" customWidth="1"/>
    <col min="266" max="266" width="9.33203125" style="1" customWidth="1"/>
    <col min="267" max="267" width="26.88671875" style="1" customWidth="1"/>
    <col min="268" max="512" width="8.88671875" style="1"/>
    <col min="513" max="513" width="3.44140625" style="1" bestFit="1" customWidth="1"/>
    <col min="514" max="514" width="28.77734375" style="1" customWidth="1"/>
    <col min="515" max="515" width="13.109375" style="1" customWidth="1"/>
    <col min="516" max="516" width="13.77734375" style="1" customWidth="1"/>
    <col min="517" max="517" width="2.44140625" style="1" customWidth="1"/>
    <col min="518" max="518" width="5.77734375" style="1" customWidth="1"/>
    <col min="519" max="519" width="5" style="1" customWidth="1"/>
    <col min="520" max="520" width="12.44140625" style="1" customWidth="1"/>
    <col min="521" max="521" width="7.44140625" style="1" customWidth="1"/>
    <col min="522" max="522" width="9.33203125" style="1" customWidth="1"/>
    <col min="523" max="523" width="26.88671875" style="1" customWidth="1"/>
    <col min="524" max="768" width="8.88671875" style="1"/>
    <col min="769" max="769" width="3.44140625" style="1" bestFit="1" customWidth="1"/>
    <col min="770" max="770" width="28.77734375" style="1" customWidth="1"/>
    <col min="771" max="771" width="13.109375" style="1" customWidth="1"/>
    <col min="772" max="772" width="13.77734375" style="1" customWidth="1"/>
    <col min="773" max="773" width="2.44140625" style="1" customWidth="1"/>
    <col min="774" max="774" width="5.77734375" style="1" customWidth="1"/>
    <col min="775" max="775" width="5" style="1" customWidth="1"/>
    <col min="776" max="776" width="12.44140625" style="1" customWidth="1"/>
    <col min="777" max="777" width="7.44140625" style="1" customWidth="1"/>
    <col min="778" max="778" width="9.33203125" style="1" customWidth="1"/>
    <col min="779" max="779" width="26.88671875" style="1" customWidth="1"/>
    <col min="780" max="1024" width="8.88671875" style="1"/>
    <col min="1025" max="1025" width="3.44140625" style="1" bestFit="1" customWidth="1"/>
    <col min="1026" max="1026" width="28.77734375" style="1" customWidth="1"/>
    <col min="1027" max="1027" width="13.109375" style="1" customWidth="1"/>
    <col min="1028" max="1028" width="13.77734375" style="1" customWidth="1"/>
    <col min="1029" max="1029" width="2.44140625" style="1" customWidth="1"/>
    <col min="1030" max="1030" width="5.77734375" style="1" customWidth="1"/>
    <col min="1031" max="1031" width="5" style="1" customWidth="1"/>
    <col min="1032" max="1032" width="12.44140625" style="1" customWidth="1"/>
    <col min="1033" max="1033" width="7.44140625" style="1" customWidth="1"/>
    <col min="1034" max="1034" width="9.33203125" style="1" customWidth="1"/>
    <col min="1035" max="1035" width="26.88671875" style="1" customWidth="1"/>
    <col min="1036" max="1280" width="8.88671875" style="1"/>
    <col min="1281" max="1281" width="3.44140625" style="1" bestFit="1" customWidth="1"/>
    <col min="1282" max="1282" width="28.77734375" style="1" customWidth="1"/>
    <col min="1283" max="1283" width="13.109375" style="1" customWidth="1"/>
    <col min="1284" max="1284" width="13.77734375" style="1" customWidth="1"/>
    <col min="1285" max="1285" width="2.44140625" style="1" customWidth="1"/>
    <col min="1286" max="1286" width="5.77734375" style="1" customWidth="1"/>
    <col min="1287" max="1287" width="5" style="1" customWidth="1"/>
    <col min="1288" max="1288" width="12.44140625" style="1" customWidth="1"/>
    <col min="1289" max="1289" width="7.44140625" style="1" customWidth="1"/>
    <col min="1290" max="1290" width="9.33203125" style="1" customWidth="1"/>
    <col min="1291" max="1291" width="26.88671875" style="1" customWidth="1"/>
    <col min="1292" max="1536" width="8.88671875" style="1"/>
    <col min="1537" max="1537" width="3.44140625" style="1" bestFit="1" customWidth="1"/>
    <col min="1538" max="1538" width="28.77734375" style="1" customWidth="1"/>
    <col min="1539" max="1539" width="13.109375" style="1" customWidth="1"/>
    <col min="1540" max="1540" width="13.77734375" style="1" customWidth="1"/>
    <col min="1541" max="1541" width="2.44140625" style="1" customWidth="1"/>
    <col min="1542" max="1542" width="5.77734375" style="1" customWidth="1"/>
    <col min="1543" max="1543" width="5" style="1" customWidth="1"/>
    <col min="1544" max="1544" width="12.44140625" style="1" customWidth="1"/>
    <col min="1545" max="1545" width="7.44140625" style="1" customWidth="1"/>
    <col min="1546" max="1546" width="9.33203125" style="1" customWidth="1"/>
    <col min="1547" max="1547" width="26.88671875" style="1" customWidth="1"/>
    <col min="1548" max="1792" width="8.88671875" style="1"/>
    <col min="1793" max="1793" width="3.44140625" style="1" bestFit="1" customWidth="1"/>
    <col min="1794" max="1794" width="28.77734375" style="1" customWidth="1"/>
    <col min="1795" max="1795" width="13.109375" style="1" customWidth="1"/>
    <col min="1796" max="1796" width="13.77734375" style="1" customWidth="1"/>
    <col min="1797" max="1797" width="2.44140625" style="1" customWidth="1"/>
    <col min="1798" max="1798" width="5.77734375" style="1" customWidth="1"/>
    <col min="1799" max="1799" width="5" style="1" customWidth="1"/>
    <col min="1800" max="1800" width="12.44140625" style="1" customWidth="1"/>
    <col min="1801" max="1801" width="7.44140625" style="1" customWidth="1"/>
    <col min="1802" max="1802" width="9.33203125" style="1" customWidth="1"/>
    <col min="1803" max="1803" width="26.88671875" style="1" customWidth="1"/>
    <col min="1804" max="2048" width="8.88671875" style="1"/>
    <col min="2049" max="2049" width="3.44140625" style="1" bestFit="1" customWidth="1"/>
    <col min="2050" max="2050" width="28.77734375" style="1" customWidth="1"/>
    <col min="2051" max="2051" width="13.109375" style="1" customWidth="1"/>
    <col min="2052" max="2052" width="13.77734375" style="1" customWidth="1"/>
    <col min="2053" max="2053" width="2.44140625" style="1" customWidth="1"/>
    <col min="2054" max="2054" width="5.77734375" style="1" customWidth="1"/>
    <col min="2055" max="2055" width="5" style="1" customWidth="1"/>
    <col min="2056" max="2056" width="12.44140625" style="1" customWidth="1"/>
    <col min="2057" max="2057" width="7.44140625" style="1" customWidth="1"/>
    <col min="2058" max="2058" width="9.33203125" style="1" customWidth="1"/>
    <col min="2059" max="2059" width="26.88671875" style="1" customWidth="1"/>
    <col min="2060" max="2304" width="8.88671875" style="1"/>
    <col min="2305" max="2305" width="3.44140625" style="1" bestFit="1" customWidth="1"/>
    <col min="2306" max="2306" width="28.77734375" style="1" customWidth="1"/>
    <col min="2307" max="2307" width="13.109375" style="1" customWidth="1"/>
    <col min="2308" max="2308" width="13.77734375" style="1" customWidth="1"/>
    <col min="2309" max="2309" width="2.44140625" style="1" customWidth="1"/>
    <col min="2310" max="2310" width="5.77734375" style="1" customWidth="1"/>
    <col min="2311" max="2311" width="5" style="1" customWidth="1"/>
    <col min="2312" max="2312" width="12.44140625" style="1" customWidth="1"/>
    <col min="2313" max="2313" width="7.44140625" style="1" customWidth="1"/>
    <col min="2314" max="2314" width="9.33203125" style="1" customWidth="1"/>
    <col min="2315" max="2315" width="26.88671875" style="1" customWidth="1"/>
    <col min="2316" max="2560" width="8.88671875" style="1"/>
    <col min="2561" max="2561" width="3.44140625" style="1" bestFit="1" customWidth="1"/>
    <col min="2562" max="2562" width="28.77734375" style="1" customWidth="1"/>
    <col min="2563" max="2563" width="13.109375" style="1" customWidth="1"/>
    <col min="2564" max="2564" width="13.77734375" style="1" customWidth="1"/>
    <col min="2565" max="2565" width="2.44140625" style="1" customWidth="1"/>
    <col min="2566" max="2566" width="5.77734375" style="1" customWidth="1"/>
    <col min="2567" max="2567" width="5" style="1" customWidth="1"/>
    <col min="2568" max="2568" width="12.44140625" style="1" customWidth="1"/>
    <col min="2569" max="2569" width="7.44140625" style="1" customWidth="1"/>
    <col min="2570" max="2570" width="9.33203125" style="1" customWidth="1"/>
    <col min="2571" max="2571" width="26.88671875" style="1" customWidth="1"/>
    <col min="2572" max="2816" width="8.88671875" style="1"/>
    <col min="2817" max="2817" width="3.44140625" style="1" bestFit="1" customWidth="1"/>
    <col min="2818" max="2818" width="28.77734375" style="1" customWidth="1"/>
    <col min="2819" max="2819" width="13.109375" style="1" customWidth="1"/>
    <col min="2820" max="2820" width="13.77734375" style="1" customWidth="1"/>
    <col min="2821" max="2821" width="2.44140625" style="1" customWidth="1"/>
    <col min="2822" max="2822" width="5.77734375" style="1" customWidth="1"/>
    <col min="2823" max="2823" width="5" style="1" customWidth="1"/>
    <col min="2824" max="2824" width="12.44140625" style="1" customWidth="1"/>
    <col min="2825" max="2825" width="7.44140625" style="1" customWidth="1"/>
    <col min="2826" max="2826" width="9.33203125" style="1" customWidth="1"/>
    <col min="2827" max="2827" width="26.88671875" style="1" customWidth="1"/>
    <col min="2828" max="3072" width="8.88671875" style="1"/>
    <col min="3073" max="3073" width="3.44140625" style="1" bestFit="1" customWidth="1"/>
    <col min="3074" max="3074" width="28.77734375" style="1" customWidth="1"/>
    <col min="3075" max="3075" width="13.109375" style="1" customWidth="1"/>
    <col min="3076" max="3076" width="13.77734375" style="1" customWidth="1"/>
    <col min="3077" max="3077" width="2.44140625" style="1" customWidth="1"/>
    <col min="3078" max="3078" width="5.77734375" style="1" customWidth="1"/>
    <col min="3079" max="3079" width="5" style="1" customWidth="1"/>
    <col min="3080" max="3080" width="12.44140625" style="1" customWidth="1"/>
    <col min="3081" max="3081" width="7.44140625" style="1" customWidth="1"/>
    <col min="3082" max="3082" width="9.33203125" style="1" customWidth="1"/>
    <col min="3083" max="3083" width="26.88671875" style="1" customWidth="1"/>
    <col min="3084" max="3328" width="8.88671875" style="1"/>
    <col min="3329" max="3329" width="3.44140625" style="1" bestFit="1" customWidth="1"/>
    <col min="3330" max="3330" width="28.77734375" style="1" customWidth="1"/>
    <col min="3331" max="3331" width="13.109375" style="1" customWidth="1"/>
    <col min="3332" max="3332" width="13.77734375" style="1" customWidth="1"/>
    <col min="3333" max="3333" width="2.44140625" style="1" customWidth="1"/>
    <col min="3334" max="3334" width="5.77734375" style="1" customWidth="1"/>
    <col min="3335" max="3335" width="5" style="1" customWidth="1"/>
    <col min="3336" max="3336" width="12.44140625" style="1" customWidth="1"/>
    <col min="3337" max="3337" width="7.44140625" style="1" customWidth="1"/>
    <col min="3338" max="3338" width="9.33203125" style="1" customWidth="1"/>
    <col min="3339" max="3339" width="26.88671875" style="1" customWidth="1"/>
    <col min="3340" max="3584" width="8.88671875" style="1"/>
    <col min="3585" max="3585" width="3.44140625" style="1" bestFit="1" customWidth="1"/>
    <col min="3586" max="3586" width="28.77734375" style="1" customWidth="1"/>
    <col min="3587" max="3587" width="13.109375" style="1" customWidth="1"/>
    <col min="3588" max="3588" width="13.77734375" style="1" customWidth="1"/>
    <col min="3589" max="3589" width="2.44140625" style="1" customWidth="1"/>
    <col min="3590" max="3590" width="5.77734375" style="1" customWidth="1"/>
    <col min="3591" max="3591" width="5" style="1" customWidth="1"/>
    <col min="3592" max="3592" width="12.44140625" style="1" customWidth="1"/>
    <col min="3593" max="3593" width="7.44140625" style="1" customWidth="1"/>
    <col min="3594" max="3594" width="9.33203125" style="1" customWidth="1"/>
    <col min="3595" max="3595" width="26.88671875" style="1" customWidth="1"/>
    <col min="3596" max="3840" width="8.88671875" style="1"/>
    <col min="3841" max="3841" width="3.44140625" style="1" bestFit="1" customWidth="1"/>
    <col min="3842" max="3842" width="28.77734375" style="1" customWidth="1"/>
    <col min="3843" max="3843" width="13.109375" style="1" customWidth="1"/>
    <col min="3844" max="3844" width="13.77734375" style="1" customWidth="1"/>
    <col min="3845" max="3845" width="2.44140625" style="1" customWidth="1"/>
    <col min="3846" max="3846" width="5.77734375" style="1" customWidth="1"/>
    <col min="3847" max="3847" width="5" style="1" customWidth="1"/>
    <col min="3848" max="3848" width="12.44140625" style="1" customWidth="1"/>
    <col min="3849" max="3849" width="7.44140625" style="1" customWidth="1"/>
    <col min="3850" max="3850" width="9.33203125" style="1" customWidth="1"/>
    <col min="3851" max="3851" width="26.88671875" style="1" customWidth="1"/>
    <col min="3852" max="4096" width="8.88671875" style="1"/>
    <col min="4097" max="4097" width="3.44140625" style="1" bestFit="1" customWidth="1"/>
    <col min="4098" max="4098" width="28.77734375" style="1" customWidth="1"/>
    <col min="4099" max="4099" width="13.109375" style="1" customWidth="1"/>
    <col min="4100" max="4100" width="13.77734375" style="1" customWidth="1"/>
    <col min="4101" max="4101" width="2.44140625" style="1" customWidth="1"/>
    <col min="4102" max="4102" width="5.77734375" style="1" customWidth="1"/>
    <col min="4103" max="4103" width="5" style="1" customWidth="1"/>
    <col min="4104" max="4104" width="12.44140625" style="1" customWidth="1"/>
    <col min="4105" max="4105" width="7.44140625" style="1" customWidth="1"/>
    <col min="4106" max="4106" width="9.33203125" style="1" customWidth="1"/>
    <col min="4107" max="4107" width="26.88671875" style="1" customWidth="1"/>
    <col min="4108" max="4352" width="8.88671875" style="1"/>
    <col min="4353" max="4353" width="3.44140625" style="1" bestFit="1" customWidth="1"/>
    <col min="4354" max="4354" width="28.77734375" style="1" customWidth="1"/>
    <col min="4355" max="4355" width="13.109375" style="1" customWidth="1"/>
    <col min="4356" max="4356" width="13.77734375" style="1" customWidth="1"/>
    <col min="4357" max="4357" width="2.44140625" style="1" customWidth="1"/>
    <col min="4358" max="4358" width="5.77734375" style="1" customWidth="1"/>
    <col min="4359" max="4359" width="5" style="1" customWidth="1"/>
    <col min="4360" max="4360" width="12.44140625" style="1" customWidth="1"/>
    <col min="4361" max="4361" width="7.44140625" style="1" customWidth="1"/>
    <col min="4362" max="4362" width="9.33203125" style="1" customWidth="1"/>
    <col min="4363" max="4363" width="26.88671875" style="1" customWidth="1"/>
    <col min="4364" max="4608" width="8.88671875" style="1"/>
    <col min="4609" max="4609" width="3.44140625" style="1" bestFit="1" customWidth="1"/>
    <col min="4610" max="4610" width="28.77734375" style="1" customWidth="1"/>
    <col min="4611" max="4611" width="13.109375" style="1" customWidth="1"/>
    <col min="4612" max="4612" width="13.77734375" style="1" customWidth="1"/>
    <col min="4613" max="4613" width="2.44140625" style="1" customWidth="1"/>
    <col min="4614" max="4614" width="5.77734375" style="1" customWidth="1"/>
    <col min="4615" max="4615" width="5" style="1" customWidth="1"/>
    <col min="4616" max="4616" width="12.44140625" style="1" customWidth="1"/>
    <col min="4617" max="4617" width="7.44140625" style="1" customWidth="1"/>
    <col min="4618" max="4618" width="9.33203125" style="1" customWidth="1"/>
    <col min="4619" max="4619" width="26.88671875" style="1" customWidth="1"/>
    <col min="4620" max="4864" width="8.88671875" style="1"/>
    <col min="4865" max="4865" width="3.44140625" style="1" bestFit="1" customWidth="1"/>
    <col min="4866" max="4866" width="28.77734375" style="1" customWidth="1"/>
    <col min="4867" max="4867" width="13.109375" style="1" customWidth="1"/>
    <col min="4868" max="4868" width="13.77734375" style="1" customWidth="1"/>
    <col min="4869" max="4869" width="2.44140625" style="1" customWidth="1"/>
    <col min="4870" max="4870" width="5.77734375" style="1" customWidth="1"/>
    <col min="4871" max="4871" width="5" style="1" customWidth="1"/>
    <col min="4872" max="4872" width="12.44140625" style="1" customWidth="1"/>
    <col min="4873" max="4873" width="7.44140625" style="1" customWidth="1"/>
    <col min="4874" max="4874" width="9.33203125" style="1" customWidth="1"/>
    <col min="4875" max="4875" width="26.88671875" style="1" customWidth="1"/>
    <col min="4876" max="5120" width="8.88671875" style="1"/>
    <col min="5121" max="5121" width="3.44140625" style="1" bestFit="1" customWidth="1"/>
    <col min="5122" max="5122" width="28.77734375" style="1" customWidth="1"/>
    <col min="5123" max="5123" width="13.109375" style="1" customWidth="1"/>
    <col min="5124" max="5124" width="13.77734375" style="1" customWidth="1"/>
    <col min="5125" max="5125" width="2.44140625" style="1" customWidth="1"/>
    <col min="5126" max="5126" width="5.77734375" style="1" customWidth="1"/>
    <col min="5127" max="5127" width="5" style="1" customWidth="1"/>
    <col min="5128" max="5128" width="12.44140625" style="1" customWidth="1"/>
    <col min="5129" max="5129" width="7.44140625" style="1" customWidth="1"/>
    <col min="5130" max="5130" width="9.33203125" style="1" customWidth="1"/>
    <col min="5131" max="5131" width="26.88671875" style="1" customWidth="1"/>
    <col min="5132" max="5376" width="8.88671875" style="1"/>
    <col min="5377" max="5377" width="3.44140625" style="1" bestFit="1" customWidth="1"/>
    <col min="5378" max="5378" width="28.77734375" style="1" customWidth="1"/>
    <col min="5379" max="5379" width="13.109375" style="1" customWidth="1"/>
    <col min="5380" max="5380" width="13.77734375" style="1" customWidth="1"/>
    <col min="5381" max="5381" width="2.44140625" style="1" customWidth="1"/>
    <col min="5382" max="5382" width="5.77734375" style="1" customWidth="1"/>
    <col min="5383" max="5383" width="5" style="1" customWidth="1"/>
    <col min="5384" max="5384" width="12.44140625" style="1" customWidth="1"/>
    <col min="5385" max="5385" width="7.44140625" style="1" customWidth="1"/>
    <col min="5386" max="5386" width="9.33203125" style="1" customWidth="1"/>
    <col min="5387" max="5387" width="26.88671875" style="1" customWidth="1"/>
    <col min="5388" max="5632" width="8.88671875" style="1"/>
    <col min="5633" max="5633" width="3.44140625" style="1" bestFit="1" customWidth="1"/>
    <col min="5634" max="5634" width="28.77734375" style="1" customWidth="1"/>
    <col min="5635" max="5635" width="13.109375" style="1" customWidth="1"/>
    <col min="5636" max="5636" width="13.77734375" style="1" customWidth="1"/>
    <col min="5637" max="5637" width="2.44140625" style="1" customWidth="1"/>
    <col min="5638" max="5638" width="5.77734375" style="1" customWidth="1"/>
    <col min="5639" max="5639" width="5" style="1" customWidth="1"/>
    <col min="5640" max="5640" width="12.44140625" style="1" customWidth="1"/>
    <col min="5641" max="5641" width="7.44140625" style="1" customWidth="1"/>
    <col min="5642" max="5642" width="9.33203125" style="1" customWidth="1"/>
    <col min="5643" max="5643" width="26.88671875" style="1" customWidth="1"/>
    <col min="5644" max="5888" width="8.88671875" style="1"/>
    <col min="5889" max="5889" width="3.44140625" style="1" bestFit="1" customWidth="1"/>
    <col min="5890" max="5890" width="28.77734375" style="1" customWidth="1"/>
    <col min="5891" max="5891" width="13.109375" style="1" customWidth="1"/>
    <col min="5892" max="5892" width="13.77734375" style="1" customWidth="1"/>
    <col min="5893" max="5893" width="2.44140625" style="1" customWidth="1"/>
    <col min="5894" max="5894" width="5.77734375" style="1" customWidth="1"/>
    <col min="5895" max="5895" width="5" style="1" customWidth="1"/>
    <col min="5896" max="5896" width="12.44140625" style="1" customWidth="1"/>
    <col min="5897" max="5897" width="7.44140625" style="1" customWidth="1"/>
    <col min="5898" max="5898" width="9.33203125" style="1" customWidth="1"/>
    <col min="5899" max="5899" width="26.88671875" style="1" customWidth="1"/>
    <col min="5900" max="6144" width="8.88671875" style="1"/>
    <col min="6145" max="6145" width="3.44140625" style="1" bestFit="1" customWidth="1"/>
    <col min="6146" max="6146" width="28.77734375" style="1" customWidth="1"/>
    <col min="6147" max="6147" width="13.109375" style="1" customWidth="1"/>
    <col min="6148" max="6148" width="13.77734375" style="1" customWidth="1"/>
    <col min="6149" max="6149" width="2.44140625" style="1" customWidth="1"/>
    <col min="6150" max="6150" width="5.77734375" style="1" customWidth="1"/>
    <col min="6151" max="6151" width="5" style="1" customWidth="1"/>
    <col min="6152" max="6152" width="12.44140625" style="1" customWidth="1"/>
    <col min="6153" max="6153" width="7.44140625" style="1" customWidth="1"/>
    <col min="6154" max="6154" width="9.33203125" style="1" customWidth="1"/>
    <col min="6155" max="6155" width="26.88671875" style="1" customWidth="1"/>
    <col min="6156" max="6400" width="8.88671875" style="1"/>
    <col min="6401" max="6401" width="3.44140625" style="1" bestFit="1" customWidth="1"/>
    <col min="6402" max="6402" width="28.77734375" style="1" customWidth="1"/>
    <col min="6403" max="6403" width="13.109375" style="1" customWidth="1"/>
    <col min="6404" max="6404" width="13.77734375" style="1" customWidth="1"/>
    <col min="6405" max="6405" width="2.44140625" style="1" customWidth="1"/>
    <col min="6406" max="6406" width="5.77734375" style="1" customWidth="1"/>
    <col min="6407" max="6407" width="5" style="1" customWidth="1"/>
    <col min="6408" max="6408" width="12.44140625" style="1" customWidth="1"/>
    <col min="6409" max="6409" width="7.44140625" style="1" customWidth="1"/>
    <col min="6410" max="6410" width="9.33203125" style="1" customWidth="1"/>
    <col min="6411" max="6411" width="26.88671875" style="1" customWidth="1"/>
    <col min="6412" max="6656" width="8.88671875" style="1"/>
    <col min="6657" max="6657" width="3.44140625" style="1" bestFit="1" customWidth="1"/>
    <col min="6658" max="6658" width="28.77734375" style="1" customWidth="1"/>
    <col min="6659" max="6659" width="13.109375" style="1" customWidth="1"/>
    <col min="6660" max="6660" width="13.77734375" style="1" customWidth="1"/>
    <col min="6661" max="6661" width="2.44140625" style="1" customWidth="1"/>
    <col min="6662" max="6662" width="5.77734375" style="1" customWidth="1"/>
    <col min="6663" max="6663" width="5" style="1" customWidth="1"/>
    <col min="6664" max="6664" width="12.44140625" style="1" customWidth="1"/>
    <col min="6665" max="6665" width="7.44140625" style="1" customWidth="1"/>
    <col min="6666" max="6666" width="9.33203125" style="1" customWidth="1"/>
    <col min="6667" max="6667" width="26.88671875" style="1" customWidth="1"/>
    <col min="6668" max="6912" width="8.88671875" style="1"/>
    <col min="6913" max="6913" width="3.44140625" style="1" bestFit="1" customWidth="1"/>
    <col min="6914" max="6914" width="28.77734375" style="1" customWidth="1"/>
    <col min="6915" max="6915" width="13.109375" style="1" customWidth="1"/>
    <col min="6916" max="6916" width="13.77734375" style="1" customWidth="1"/>
    <col min="6917" max="6917" width="2.44140625" style="1" customWidth="1"/>
    <col min="6918" max="6918" width="5.77734375" style="1" customWidth="1"/>
    <col min="6919" max="6919" width="5" style="1" customWidth="1"/>
    <col min="6920" max="6920" width="12.44140625" style="1" customWidth="1"/>
    <col min="6921" max="6921" width="7.44140625" style="1" customWidth="1"/>
    <col min="6922" max="6922" width="9.33203125" style="1" customWidth="1"/>
    <col min="6923" max="6923" width="26.88671875" style="1" customWidth="1"/>
    <col min="6924" max="7168" width="8.88671875" style="1"/>
    <col min="7169" max="7169" width="3.44140625" style="1" bestFit="1" customWidth="1"/>
    <col min="7170" max="7170" width="28.77734375" style="1" customWidth="1"/>
    <col min="7171" max="7171" width="13.109375" style="1" customWidth="1"/>
    <col min="7172" max="7172" width="13.77734375" style="1" customWidth="1"/>
    <col min="7173" max="7173" width="2.44140625" style="1" customWidth="1"/>
    <col min="7174" max="7174" width="5.77734375" style="1" customWidth="1"/>
    <col min="7175" max="7175" width="5" style="1" customWidth="1"/>
    <col min="7176" max="7176" width="12.44140625" style="1" customWidth="1"/>
    <col min="7177" max="7177" width="7.44140625" style="1" customWidth="1"/>
    <col min="7178" max="7178" width="9.33203125" style="1" customWidth="1"/>
    <col min="7179" max="7179" width="26.88671875" style="1" customWidth="1"/>
    <col min="7180" max="7424" width="8.88671875" style="1"/>
    <col min="7425" max="7425" width="3.44140625" style="1" bestFit="1" customWidth="1"/>
    <col min="7426" max="7426" width="28.77734375" style="1" customWidth="1"/>
    <col min="7427" max="7427" width="13.109375" style="1" customWidth="1"/>
    <col min="7428" max="7428" width="13.77734375" style="1" customWidth="1"/>
    <col min="7429" max="7429" width="2.44140625" style="1" customWidth="1"/>
    <col min="7430" max="7430" width="5.77734375" style="1" customWidth="1"/>
    <col min="7431" max="7431" width="5" style="1" customWidth="1"/>
    <col min="7432" max="7432" width="12.44140625" style="1" customWidth="1"/>
    <col min="7433" max="7433" width="7.44140625" style="1" customWidth="1"/>
    <col min="7434" max="7434" width="9.33203125" style="1" customWidth="1"/>
    <col min="7435" max="7435" width="26.88671875" style="1" customWidth="1"/>
    <col min="7436" max="7680" width="8.88671875" style="1"/>
    <col min="7681" max="7681" width="3.44140625" style="1" bestFit="1" customWidth="1"/>
    <col min="7682" max="7682" width="28.77734375" style="1" customWidth="1"/>
    <col min="7683" max="7683" width="13.109375" style="1" customWidth="1"/>
    <col min="7684" max="7684" width="13.77734375" style="1" customWidth="1"/>
    <col min="7685" max="7685" width="2.44140625" style="1" customWidth="1"/>
    <col min="7686" max="7686" width="5.77734375" style="1" customWidth="1"/>
    <col min="7687" max="7687" width="5" style="1" customWidth="1"/>
    <col min="7688" max="7688" width="12.44140625" style="1" customWidth="1"/>
    <col min="7689" max="7689" width="7.44140625" style="1" customWidth="1"/>
    <col min="7690" max="7690" width="9.33203125" style="1" customWidth="1"/>
    <col min="7691" max="7691" width="26.88671875" style="1" customWidth="1"/>
    <col min="7692" max="7936" width="8.88671875" style="1"/>
    <col min="7937" max="7937" width="3.44140625" style="1" bestFit="1" customWidth="1"/>
    <col min="7938" max="7938" width="28.77734375" style="1" customWidth="1"/>
    <col min="7939" max="7939" width="13.109375" style="1" customWidth="1"/>
    <col min="7940" max="7940" width="13.77734375" style="1" customWidth="1"/>
    <col min="7941" max="7941" width="2.44140625" style="1" customWidth="1"/>
    <col min="7942" max="7942" width="5.77734375" style="1" customWidth="1"/>
    <col min="7943" max="7943" width="5" style="1" customWidth="1"/>
    <col min="7944" max="7944" width="12.44140625" style="1" customWidth="1"/>
    <col min="7945" max="7945" width="7.44140625" style="1" customWidth="1"/>
    <col min="7946" max="7946" width="9.33203125" style="1" customWidth="1"/>
    <col min="7947" max="7947" width="26.88671875" style="1" customWidth="1"/>
    <col min="7948" max="8192" width="8.88671875" style="1"/>
    <col min="8193" max="8193" width="3.44140625" style="1" bestFit="1" customWidth="1"/>
    <col min="8194" max="8194" width="28.77734375" style="1" customWidth="1"/>
    <col min="8195" max="8195" width="13.109375" style="1" customWidth="1"/>
    <col min="8196" max="8196" width="13.77734375" style="1" customWidth="1"/>
    <col min="8197" max="8197" width="2.44140625" style="1" customWidth="1"/>
    <col min="8198" max="8198" width="5.77734375" style="1" customWidth="1"/>
    <col min="8199" max="8199" width="5" style="1" customWidth="1"/>
    <col min="8200" max="8200" width="12.44140625" style="1" customWidth="1"/>
    <col min="8201" max="8201" width="7.44140625" style="1" customWidth="1"/>
    <col min="8202" max="8202" width="9.33203125" style="1" customWidth="1"/>
    <col min="8203" max="8203" width="26.88671875" style="1" customWidth="1"/>
    <col min="8204" max="8448" width="8.88671875" style="1"/>
    <col min="8449" max="8449" width="3.44140625" style="1" bestFit="1" customWidth="1"/>
    <col min="8450" max="8450" width="28.77734375" style="1" customWidth="1"/>
    <col min="8451" max="8451" width="13.109375" style="1" customWidth="1"/>
    <col min="8452" max="8452" width="13.77734375" style="1" customWidth="1"/>
    <col min="8453" max="8453" width="2.44140625" style="1" customWidth="1"/>
    <col min="8454" max="8454" width="5.77734375" style="1" customWidth="1"/>
    <col min="8455" max="8455" width="5" style="1" customWidth="1"/>
    <col min="8456" max="8456" width="12.44140625" style="1" customWidth="1"/>
    <col min="8457" max="8457" width="7.44140625" style="1" customWidth="1"/>
    <col min="8458" max="8458" width="9.33203125" style="1" customWidth="1"/>
    <col min="8459" max="8459" width="26.88671875" style="1" customWidth="1"/>
    <col min="8460" max="8704" width="8.88671875" style="1"/>
    <col min="8705" max="8705" width="3.44140625" style="1" bestFit="1" customWidth="1"/>
    <col min="8706" max="8706" width="28.77734375" style="1" customWidth="1"/>
    <col min="8707" max="8707" width="13.109375" style="1" customWidth="1"/>
    <col min="8708" max="8708" width="13.77734375" style="1" customWidth="1"/>
    <col min="8709" max="8709" width="2.44140625" style="1" customWidth="1"/>
    <col min="8710" max="8710" width="5.77734375" style="1" customWidth="1"/>
    <col min="8711" max="8711" width="5" style="1" customWidth="1"/>
    <col min="8712" max="8712" width="12.44140625" style="1" customWidth="1"/>
    <col min="8713" max="8713" width="7.44140625" style="1" customWidth="1"/>
    <col min="8714" max="8714" width="9.33203125" style="1" customWidth="1"/>
    <col min="8715" max="8715" width="26.88671875" style="1" customWidth="1"/>
    <col min="8716" max="8960" width="8.88671875" style="1"/>
    <col min="8961" max="8961" width="3.44140625" style="1" bestFit="1" customWidth="1"/>
    <col min="8962" max="8962" width="28.77734375" style="1" customWidth="1"/>
    <col min="8963" max="8963" width="13.109375" style="1" customWidth="1"/>
    <col min="8964" max="8964" width="13.77734375" style="1" customWidth="1"/>
    <col min="8965" max="8965" width="2.44140625" style="1" customWidth="1"/>
    <col min="8966" max="8966" width="5.77734375" style="1" customWidth="1"/>
    <col min="8967" max="8967" width="5" style="1" customWidth="1"/>
    <col min="8968" max="8968" width="12.44140625" style="1" customWidth="1"/>
    <col min="8969" max="8969" width="7.44140625" style="1" customWidth="1"/>
    <col min="8970" max="8970" width="9.33203125" style="1" customWidth="1"/>
    <col min="8971" max="8971" width="26.88671875" style="1" customWidth="1"/>
    <col min="8972" max="9216" width="8.88671875" style="1"/>
    <col min="9217" max="9217" width="3.44140625" style="1" bestFit="1" customWidth="1"/>
    <col min="9218" max="9218" width="28.77734375" style="1" customWidth="1"/>
    <col min="9219" max="9219" width="13.109375" style="1" customWidth="1"/>
    <col min="9220" max="9220" width="13.77734375" style="1" customWidth="1"/>
    <col min="9221" max="9221" width="2.44140625" style="1" customWidth="1"/>
    <col min="9222" max="9222" width="5.77734375" style="1" customWidth="1"/>
    <col min="9223" max="9223" width="5" style="1" customWidth="1"/>
    <col min="9224" max="9224" width="12.44140625" style="1" customWidth="1"/>
    <col min="9225" max="9225" width="7.44140625" style="1" customWidth="1"/>
    <col min="9226" max="9226" width="9.33203125" style="1" customWidth="1"/>
    <col min="9227" max="9227" width="26.88671875" style="1" customWidth="1"/>
    <col min="9228" max="9472" width="8.88671875" style="1"/>
    <col min="9473" max="9473" width="3.44140625" style="1" bestFit="1" customWidth="1"/>
    <col min="9474" max="9474" width="28.77734375" style="1" customWidth="1"/>
    <col min="9475" max="9475" width="13.109375" style="1" customWidth="1"/>
    <col min="9476" max="9476" width="13.77734375" style="1" customWidth="1"/>
    <col min="9477" max="9477" width="2.44140625" style="1" customWidth="1"/>
    <col min="9478" max="9478" width="5.77734375" style="1" customWidth="1"/>
    <col min="9479" max="9479" width="5" style="1" customWidth="1"/>
    <col min="9480" max="9480" width="12.44140625" style="1" customWidth="1"/>
    <col min="9481" max="9481" width="7.44140625" style="1" customWidth="1"/>
    <col min="9482" max="9482" width="9.33203125" style="1" customWidth="1"/>
    <col min="9483" max="9483" width="26.88671875" style="1" customWidth="1"/>
    <col min="9484" max="9728" width="8.88671875" style="1"/>
    <col min="9729" max="9729" width="3.44140625" style="1" bestFit="1" customWidth="1"/>
    <col min="9730" max="9730" width="28.77734375" style="1" customWidth="1"/>
    <col min="9731" max="9731" width="13.109375" style="1" customWidth="1"/>
    <col min="9732" max="9732" width="13.77734375" style="1" customWidth="1"/>
    <col min="9733" max="9733" width="2.44140625" style="1" customWidth="1"/>
    <col min="9734" max="9734" width="5.77734375" style="1" customWidth="1"/>
    <col min="9735" max="9735" width="5" style="1" customWidth="1"/>
    <col min="9736" max="9736" width="12.44140625" style="1" customWidth="1"/>
    <col min="9737" max="9737" width="7.44140625" style="1" customWidth="1"/>
    <col min="9738" max="9738" width="9.33203125" style="1" customWidth="1"/>
    <col min="9739" max="9739" width="26.88671875" style="1" customWidth="1"/>
    <col min="9740" max="9984" width="8.88671875" style="1"/>
    <col min="9985" max="9985" width="3.44140625" style="1" bestFit="1" customWidth="1"/>
    <col min="9986" max="9986" width="28.77734375" style="1" customWidth="1"/>
    <col min="9987" max="9987" width="13.109375" style="1" customWidth="1"/>
    <col min="9988" max="9988" width="13.77734375" style="1" customWidth="1"/>
    <col min="9989" max="9989" width="2.44140625" style="1" customWidth="1"/>
    <col min="9990" max="9990" width="5.77734375" style="1" customWidth="1"/>
    <col min="9991" max="9991" width="5" style="1" customWidth="1"/>
    <col min="9992" max="9992" width="12.44140625" style="1" customWidth="1"/>
    <col min="9993" max="9993" width="7.44140625" style="1" customWidth="1"/>
    <col min="9994" max="9994" width="9.33203125" style="1" customWidth="1"/>
    <col min="9995" max="9995" width="26.88671875" style="1" customWidth="1"/>
    <col min="9996" max="10240" width="8.88671875" style="1"/>
    <col min="10241" max="10241" width="3.44140625" style="1" bestFit="1" customWidth="1"/>
    <col min="10242" max="10242" width="28.77734375" style="1" customWidth="1"/>
    <col min="10243" max="10243" width="13.109375" style="1" customWidth="1"/>
    <col min="10244" max="10244" width="13.77734375" style="1" customWidth="1"/>
    <col min="10245" max="10245" width="2.44140625" style="1" customWidth="1"/>
    <col min="10246" max="10246" width="5.77734375" style="1" customWidth="1"/>
    <col min="10247" max="10247" width="5" style="1" customWidth="1"/>
    <col min="10248" max="10248" width="12.44140625" style="1" customWidth="1"/>
    <col min="10249" max="10249" width="7.44140625" style="1" customWidth="1"/>
    <col min="10250" max="10250" width="9.33203125" style="1" customWidth="1"/>
    <col min="10251" max="10251" width="26.88671875" style="1" customWidth="1"/>
    <col min="10252" max="10496" width="8.88671875" style="1"/>
    <col min="10497" max="10497" width="3.44140625" style="1" bestFit="1" customWidth="1"/>
    <col min="10498" max="10498" width="28.77734375" style="1" customWidth="1"/>
    <col min="10499" max="10499" width="13.109375" style="1" customWidth="1"/>
    <col min="10500" max="10500" width="13.77734375" style="1" customWidth="1"/>
    <col min="10501" max="10501" width="2.44140625" style="1" customWidth="1"/>
    <col min="10502" max="10502" width="5.77734375" style="1" customWidth="1"/>
    <col min="10503" max="10503" width="5" style="1" customWidth="1"/>
    <col min="10504" max="10504" width="12.44140625" style="1" customWidth="1"/>
    <col min="10505" max="10505" width="7.44140625" style="1" customWidth="1"/>
    <col min="10506" max="10506" width="9.33203125" style="1" customWidth="1"/>
    <col min="10507" max="10507" width="26.88671875" style="1" customWidth="1"/>
    <col min="10508" max="10752" width="8.88671875" style="1"/>
    <col min="10753" max="10753" width="3.44140625" style="1" bestFit="1" customWidth="1"/>
    <col min="10754" max="10754" width="28.77734375" style="1" customWidth="1"/>
    <col min="10755" max="10755" width="13.109375" style="1" customWidth="1"/>
    <col min="10756" max="10756" width="13.77734375" style="1" customWidth="1"/>
    <col min="10757" max="10757" width="2.44140625" style="1" customWidth="1"/>
    <col min="10758" max="10758" width="5.77734375" style="1" customWidth="1"/>
    <col min="10759" max="10759" width="5" style="1" customWidth="1"/>
    <col min="10760" max="10760" width="12.44140625" style="1" customWidth="1"/>
    <col min="10761" max="10761" width="7.44140625" style="1" customWidth="1"/>
    <col min="10762" max="10762" width="9.33203125" style="1" customWidth="1"/>
    <col min="10763" max="10763" width="26.88671875" style="1" customWidth="1"/>
    <col min="10764" max="11008" width="8.88671875" style="1"/>
    <col min="11009" max="11009" width="3.44140625" style="1" bestFit="1" customWidth="1"/>
    <col min="11010" max="11010" width="28.77734375" style="1" customWidth="1"/>
    <col min="11011" max="11011" width="13.109375" style="1" customWidth="1"/>
    <col min="11012" max="11012" width="13.77734375" style="1" customWidth="1"/>
    <col min="11013" max="11013" width="2.44140625" style="1" customWidth="1"/>
    <col min="11014" max="11014" width="5.77734375" style="1" customWidth="1"/>
    <col min="11015" max="11015" width="5" style="1" customWidth="1"/>
    <col min="11016" max="11016" width="12.44140625" style="1" customWidth="1"/>
    <col min="11017" max="11017" width="7.44140625" style="1" customWidth="1"/>
    <col min="11018" max="11018" width="9.33203125" style="1" customWidth="1"/>
    <col min="11019" max="11019" width="26.88671875" style="1" customWidth="1"/>
    <col min="11020" max="11264" width="8.88671875" style="1"/>
    <col min="11265" max="11265" width="3.44140625" style="1" bestFit="1" customWidth="1"/>
    <col min="11266" max="11266" width="28.77734375" style="1" customWidth="1"/>
    <col min="11267" max="11267" width="13.109375" style="1" customWidth="1"/>
    <col min="11268" max="11268" width="13.77734375" style="1" customWidth="1"/>
    <col min="11269" max="11269" width="2.44140625" style="1" customWidth="1"/>
    <col min="11270" max="11270" width="5.77734375" style="1" customWidth="1"/>
    <col min="11271" max="11271" width="5" style="1" customWidth="1"/>
    <col min="11272" max="11272" width="12.44140625" style="1" customWidth="1"/>
    <col min="11273" max="11273" width="7.44140625" style="1" customWidth="1"/>
    <col min="11274" max="11274" width="9.33203125" style="1" customWidth="1"/>
    <col min="11275" max="11275" width="26.88671875" style="1" customWidth="1"/>
    <col min="11276" max="11520" width="8.88671875" style="1"/>
    <col min="11521" max="11521" width="3.44140625" style="1" bestFit="1" customWidth="1"/>
    <col min="11522" max="11522" width="28.77734375" style="1" customWidth="1"/>
    <col min="11523" max="11523" width="13.109375" style="1" customWidth="1"/>
    <col min="11524" max="11524" width="13.77734375" style="1" customWidth="1"/>
    <col min="11525" max="11525" width="2.44140625" style="1" customWidth="1"/>
    <col min="11526" max="11526" width="5.77734375" style="1" customWidth="1"/>
    <col min="11527" max="11527" width="5" style="1" customWidth="1"/>
    <col min="11528" max="11528" width="12.44140625" style="1" customWidth="1"/>
    <col min="11529" max="11529" width="7.44140625" style="1" customWidth="1"/>
    <col min="11530" max="11530" width="9.33203125" style="1" customWidth="1"/>
    <col min="11531" max="11531" width="26.88671875" style="1" customWidth="1"/>
    <col min="11532" max="11776" width="8.88671875" style="1"/>
    <col min="11777" max="11777" width="3.44140625" style="1" bestFit="1" customWidth="1"/>
    <col min="11778" max="11778" width="28.77734375" style="1" customWidth="1"/>
    <col min="11779" max="11779" width="13.109375" style="1" customWidth="1"/>
    <col min="11780" max="11780" width="13.77734375" style="1" customWidth="1"/>
    <col min="11781" max="11781" width="2.44140625" style="1" customWidth="1"/>
    <col min="11782" max="11782" width="5.77734375" style="1" customWidth="1"/>
    <col min="11783" max="11783" width="5" style="1" customWidth="1"/>
    <col min="11784" max="11784" width="12.44140625" style="1" customWidth="1"/>
    <col min="11785" max="11785" width="7.44140625" style="1" customWidth="1"/>
    <col min="11786" max="11786" width="9.33203125" style="1" customWidth="1"/>
    <col min="11787" max="11787" width="26.88671875" style="1" customWidth="1"/>
    <col min="11788" max="12032" width="8.88671875" style="1"/>
    <col min="12033" max="12033" width="3.44140625" style="1" bestFit="1" customWidth="1"/>
    <col min="12034" max="12034" width="28.77734375" style="1" customWidth="1"/>
    <col min="12035" max="12035" width="13.109375" style="1" customWidth="1"/>
    <col min="12036" max="12036" width="13.77734375" style="1" customWidth="1"/>
    <col min="12037" max="12037" width="2.44140625" style="1" customWidth="1"/>
    <col min="12038" max="12038" width="5.77734375" style="1" customWidth="1"/>
    <col min="12039" max="12039" width="5" style="1" customWidth="1"/>
    <col min="12040" max="12040" width="12.44140625" style="1" customWidth="1"/>
    <col min="12041" max="12041" width="7.44140625" style="1" customWidth="1"/>
    <col min="12042" max="12042" width="9.33203125" style="1" customWidth="1"/>
    <col min="12043" max="12043" width="26.88671875" style="1" customWidth="1"/>
    <col min="12044" max="12288" width="8.88671875" style="1"/>
    <col min="12289" max="12289" width="3.44140625" style="1" bestFit="1" customWidth="1"/>
    <col min="12290" max="12290" width="28.77734375" style="1" customWidth="1"/>
    <col min="12291" max="12291" width="13.109375" style="1" customWidth="1"/>
    <col min="12292" max="12292" width="13.77734375" style="1" customWidth="1"/>
    <col min="12293" max="12293" width="2.44140625" style="1" customWidth="1"/>
    <col min="12294" max="12294" width="5.77734375" style="1" customWidth="1"/>
    <col min="12295" max="12295" width="5" style="1" customWidth="1"/>
    <col min="12296" max="12296" width="12.44140625" style="1" customWidth="1"/>
    <col min="12297" max="12297" width="7.44140625" style="1" customWidth="1"/>
    <col min="12298" max="12298" width="9.33203125" style="1" customWidth="1"/>
    <col min="12299" max="12299" width="26.88671875" style="1" customWidth="1"/>
    <col min="12300" max="12544" width="8.88671875" style="1"/>
    <col min="12545" max="12545" width="3.44140625" style="1" bestFit="1" customWidth="1"/>
    <col min="12546" max="12546" width="28.77734375" style="1" customWidth="1"/>
    <col min="12547" max="12547" width="13.109375" style="1" customWidth="1"/>
    <col min="12548" max="12548" width="13.77734375" style="1" customWidth="1"/>
    <col min="12549" max="12549" width="2.44140625" style="1" customWidth="1"/>
    <col min="12550" max="12550" width="5.77734375" style="1" customWidth="1"/>
    <col min="12551" max="12551" width="5" style="1" customWidth="1"/>
    <col min="12552" max="12552" width="12.44140625" style="1" customWidth="1"/>
    <col min="12553" max="12553" width="7.44140625" style="1" customWidth="1"/>
    <col min="12554" max="12554" width="9.33203125" style="1" customWidth="1"/>
    <col min="12555" max="12555" width="26.88671875" style="1" customWidth="1"/>
    <col min="12556" max="12800" width="8.88671875" style="1"/>
    <col min="12801" max="12801" width="3.44140625" style="1" bestFit="1" customWidth="1"/>
    <col min="12802" max="12802" width="28.77734375" style="1" customWidth="1"/>
    <col min="12803" max="12803" width="13.109375" style="1" customWidth="1"/>
    <col min="12804" max="12804" width="13.77734375" style="1" customWidth="1"/>
    <col min="12805" max="12805" width="2.44140625" style="1" customWidth="1"/>
    <col min="12806" max="12806" width="5.77734375" style="1" customWidth="1"/>
    <col min="12807" max="12807" width="5" style="1" customWidth="1"/>
    <col min="12808" max="12808" width="12.44140625" style="1" customWidth="1"/>
    <col min="12809" max="12809" width="7.44140625" style="1" customWidth="1"/>
    <col min="12810" max="12810" width="9.33203125" style="1" customWidth="1"/>
    <col min="12811" max="12811" width="26.88671875" style="1" customWidth="1"/>
    <col min="12812" max="13056" width="8.88671875" style="1"/>
    <col min="13057" max="13057" width="3.44140625" style="1" bestFit="1" customWidth="1"/>
    <col min="13058" max="13058" width="28.77734375" style="1" customWidth="1"/>
    <col min="13059" max="13059" width="13.109375" style="1" customWidth="1"/>
    <col min="13060" max="13060" width="13.77734375" style="1" customWidth="1"/>
    <col min="13061" max="13061" width="2.44140625" style="1" customWidth="1"/>
    <col min="13062" max="13062" width="5.77734375" style="1" customWidth="1"/>
    <col min="13063" max="13063" width="5" style="1" customWidth="1"/>
    <col min="13064" max="13064" width="12.44140625" style="1" customWidth="1"/>
    <col min="13065" max="13065" width="7.44140625" style="1" customWidth="1"/>
    <col min="13066" max="13066" width="9.33203125" style="1" customWidth="1"/>
    <col min="13067" max="13067" width="26.88671875" style="1" customWidth="1"/>
    <col min="13068" max="13312" width="8.88671875" style="1"/>
    <col min="13313" max="13313" width="3.44140625" style="1" bestFit="1" customWidth="1"/>
    <col min="13314" max="13314" width="28.77734375" style="1" customWidth="1"/>
    <col min="13315" max="13315" width="13.109375" style="1" customWidth="1"/>
    <col min="13316" max="13316" width="13.77734375" style="1" customWidth="1"/>
    <col min="13317" max="13317" width="2.44140625" style="1" customWidth="1"/>
    <col min="13318" max="13318" width="5.77734375" style="1" customWidth="1"/>
    <col min="13319" max="13319" width="5" style="1" customWidth="1"/>
    <col min="13320" max="13320" width="12.44140625" style="1" customWidth="1"/>
    <col min="13321" max="13321" width="7.44140625" style="1" customWidth="1"/>
    <col min="13322" max="13322" width="9.33203125" style="1" customWidth="1"/>
    <col min="13323" max="13323" width="26.88671875" style="1" customWidth="1"/>
    <col min="13324" max="13568" width="8.88671875" style="1"/>
    <col min="13569" max="13569" width="3.44140625" style="1" bestFit="1" customWidth="1"/>
    <col min="13570" max="13570" width="28.77734375" style="1" customWidth="1"/>
    <col min="13571" max="13571" width="13.109375" style="1" customWidth="1"/>
    <col min="13572" max="13572" width="13.77734375" style="1" customWidth="1"/>
    <col min="13573" max="13573" width="2.44140625" style="1" customWidth="1"/>
    <col min="13574" max="13574" width="5.77734375" style="1" customWidth="1"/>
    <col min="13575" max="13575" width="5" style="1" customWidth="1"/>
    <col min="13576" max="13576" width="12.44140625" style="1" customWidth="1"/>
    <col min="13577" max="13577" width="7.44140625" style="1" customWidth="1"/>
    <col min="13578" max="13578" width="9.33203125" style="1" customWidth="1"/>
    <col min="13579" max="13579" width="26.88671875" style="1" customWidth="1"/>
    <col min="13580" max="13824" width="8.88671875" style="1"/>
    <col min="13825" max="13825" width="3.44140625" style="1" bestFit="1" customWidth="1"/>
    <col min="13826" max="13826" width="28.77734375" style="1" customWidth="1"/>
    <col min="13827" max="13827" width="13.109375" style="1" customWidth="1"/>
    <col min="13828" max="13828" width="13.77734375" style="1" customWidth="1"/>
    <col min="13829" max="13829" width="2.44140625" style="1" customWidth="1"/>
    <col min="13830" max="13830" width="5.77734375" style="1" customWidth="1"/>
    <col min="13831" max="13831" width="5" style="1" customWidth="1"/>
    <col min="13832" max="13832" width="12.44140625" style="1" customWidth="1"/>
    <col min="13833" max="13833" width="7.44140625" style="1" customWidth="1"/>
    <col min="13834" max="13834" width="9.33203125" style="1" customWidth="1"/>
    <col min="13835" max="13835" width="26.88671875" style="1" customWidth="1"/>
    <col min="13836" max="14080" width="8.88671875" style="1"/>
    <col min="14081" max="14081" width="3.44140625" style="1" bestFit="1" customWidth="1"/>
    <col min="14082" max="14082" width="28.77734375" style="1" customWidth="1"/>
    <col min="14083" max="14083" width="13.109375" style="1" customWidth="1"/>
    <col min="14084" max="14084" width="13.77734375" style="1" customWidth="1"/>
    <col min="14085" max="14085" width="2.44140625" style="1" customWidth="1"/>
    <col min="14086" max="14086" width="5.77734375" style="1" customWidth="1"/>
    <col min="14087" max="14087" width="5" style="1" customWidth="1"/>
    <col min="14088" max="14088" width="12.44140625" style="1" customWidth="1"/>
    <col min="14089" max="14089" width="7.44140625" style="1" customWidth="1"/>
    <col min="14090" max="14090" width="9.33203125" style="1" customWidth="1"/>
    <col min="14091" max="14091" width="26.88671875" style="1" customWidth="1"/>
    <col min="14092" max="14336" width="8.88671875" style="1"/>
    <col min="14337" max="14337" width="3.44140625" style="1" bestFit="1" customWidth="1"/>
    <col min="14338" max="14338" width="28.77734375" style="1" customWidth="1"/>
    <col min="14339" max="14339" width="13.109375" style="1" customWidth="1"/>
    <col min="14340" max="14340" width="13.77734375" style="1" customWidth="1"/>
    <col min="14341" max="14341" width="2.44140625" style="1" customWidth="1"/>
    <col min="14342" max="14342" width="5.77734375" style="1" customWidth="1"/>
    <col min="14343" max="14343" width="5" style="1" customWidth="1"/>
    <col min="14344" max="14344" width="12.44140625" style="1" customWidth="1"/>
    <col min="14345" max="14345" width="7.44140625" style="1" customWidth="1"/>
    <col min="14346" max="14346" width="9.33203125" style="1" customWidth="1"/>
    <col min="14347" max="14347" width="26.88671875" style="1" customWidth="1"/>
    <col min="14348" max="14592" width="8.88671875" style="1"/>
    <col min="14593" max="14593" width="3.44140625" style="1" bestFit="1" customWidth="1"/>
    <col min="14594" max="14594" width="28.77734375" style="1" customWidth="1"/>
    <col min="14595" max="14595" width="13.109375" style="1" customWidth="1"/>
    <col min="14596" max="14596" width="13.77734375" style="1" customWidth="1"/>
    <col min="14597" max="14597" width="2.44140625" style="1" customWidth="1"/>
    <col min="14598" max="14598" width="5.77734375" style="1" customWidth="1"/>
    <col min="14599" max="14599" width="5" style="1" customWidth="1"/>
    <col min="14600" max="14600" width="12.44140625" style="1" customWidth="1"/>
    <col min="14601" max="14601" width="7.44140625" style="1" customWidth="1"/>
    <col min="14602" max="14602" width="9.33203125" style="1" customWidth="1"/>
    <col min="14603" max="14603" width="26.88671875" style="1" customWidth="1"/>
    <col min="14604" max="14848" width="8.88671875" style="1"/>
    <col min="14849" max="14849" width="3.44140625" style="1" bestFit="1" customWidth="1"/>
    <col min="14850" max="14850" width="28.77734375" style="1" customWidth="1"/>
    <col min="14851" max="14851" width="13.109375" style="1" customWidth="1"/>
    <col min="14852" max="14852" width="13.77734375" style="1" customWidth="1"/>
    <col min="14853" max="14853" width="2.44140625" style="1" customWidth="1"/>
    <col min="14854" max="14854" width="5.77734375" style="1" customWidth="1"/>
    <col min="14855" max="14855" width="5" style="1" customWidth="1"/>
    <col min="14856" max="14856" width="12.44140625" style="1" customWidth="1"/>
    <col min="14857" max="14857" width="7.44140625" style="1" customWidth="1"/>
    <col min="14858" max="14858" width="9.33203125" style="1" customWidth="1"/>
    <col min="14859" max="14859" width="26.88671875" style="1" customWidth="1"/>
    <col min="14860" max="15104" width="8.88671875" style="1"/>
    <col min="15105" max="15105" width="3.44140625" style="1" bestFit="1" customWidth="1"/>
    <col min="15106" max="15106" width="28.77734375" style="1" customWidth="1"/>
    <col min="15107" max="15107" width="13.109375" style="1" customWidth="1"/>
    <col min="15108" max="15108" width="13.77734375" style="1" customWidth="1"/>
    <col min="15109" max="15109" width="2.44140625" style="1" customWidth="1"/>
    <col min="15110" max="15110" width="5.77734375" style="1" customWidth="1"/>
    <col min="15111" max="15111" width="5" style="1" customWidth="1"/>
    <col min="15112" max="15112" width="12.44140625" style="1" customWidth="1"/>
    <col min="15113" max="15113" width="7.44140625" style="1" customWidth="1"/>
    <col min="15114" max="15114" width="9.33203125" style="1" customWidth="1"/>
    <col min="15115" max="15115" width="26.88671875" style="1" customWidth="1"/>
    <col min="15116" max="15360" width="8.88671875" style="1"/>
    <col min="15361" max="15361" width="3.44140625" style="1" bestFit="1" customWidth="1"/>
    <col min="15362" max="15362" width="28.77734375" style="1" customWidth="1"/>
    <col min="15363" max="15363" width="13.109375" style="1" customWidth="1"/>
    <col min="15364" max="15364" width="13.77734375" style="1" customWidth="1"/>
    <col min="15365" max="15365" width="2.44140625" style="1" customWidth="1"/>
    <col min="15366" max="15366" width="5.77734375" style="1" customWidth="1"/>
    <col min="15367" max="15367" width="5" style="1" customWidth="1"/>
    <col min="15368" max="15368" width="12.44140625" style="1" customWidth="1"/>
    <col min="15369" max="15369" width="7.44140625" style="1" customWidth="1"/>
    <col min="15370" max="15370" width="9.33203125" style="1" customWidth="1"/>
    <col min="15371" max="15371" width="26.88671875" style="1" customWidth="1"/>
    <col min="15372" max="15616" width="8.88671875" style="1"/>
    <col min="15617" max="15617" width="3.44140625" style="1" bestFit="1" customWidth="1"/>
    <col min="15618" max="15618" width="28.77734375" style="1" customWidth="1"/>
    <col min="15619" max="15619" width="13.109375" style="1" customWidth="1"/>
    <col min="15620" max="15620" width="13.77734375" style="1" customWidth="1"/>
    <col min="15621" max="15621" width="2.44140625" style="1" customWidth="1"/>
    <col min="15622" max="15622" width="5.77734375" style="1" customWidth="1"/>
    <col min="15623" max="15623" width="5" style="1" customWidth="1"/>
    <col min="15624" max="15624" width="12.44140625" style="1" customWidth="1"/>
    <col min="15625" max="15625" width="7.44140625" style="1" customWidth="1"/>
    <col min="15626" max="15626" width="9.33203125" style="1" customWidth="1"/>
    <col min="15627" max="15627" width="26.88671875" style="1" customWidth="1"/>
    <col min="15628" max="15872" width="8.88671875" style="1"/>
    <col min="15873" max="15873" width="3.44140625" style="1" bestFit="1" customWidth="1"/>
    <col min="15874" max="15874" width="28.77734375" style="1" customWidth="1"/>
    <col min="15875" max="15875" width="13.109375" style="1" customWidth="1"/>
    <col min="15876" max="15876" width="13.77734375" style="1" customWidth="1"/>
    <col min="15877" max="15877" width="2.44140625" style="1" customWidth="1"/>
    <col min="15878" max="15878" width="5.77734375" style="1" customWidth="1"/>
    <col min="15879" max="15879" width="5" style="1" customWidth="1"/>
    <col min="15880" max="15880" width="12.44140625" style="1" customWidth="1"/>
    <col min="15881" max="15881" width="7.44140625" style="1" customWidth="1"/>
    <col min="15882" max="15882" width="9.33203125" style="1" customWidth="1"/>
    <col min="15883" max="15883" width="26.88671875" style="1" customWidth="1"/>
    <col min="15884" max="16128" width="8.88671875" style="1"/>
    <col min="16129" max="16129" width="3.44140625" style="1" bestFit="1" customWidth="1"/>
    <col min="16130" max="16130" width="28.77734375" style="1" customWidth="1"/>
    <col min="16131" max="16131" width="13.109375" style="1" customWidth="1"/>
    <col min="16132" max="16132" width="13.77734375" style="1" customWidth="1"/>
    <col min="16133" max="16133" width="2.44140625" style="1" customWidth="1"/>
    <col min="16134" max="16134" width="5.77734375" style="1" customWidth="1"/>
    <col min="16135" max="16135" width="5" style="1" customWidth="1"/>
    <col min="16136" max="16136" width="12.44140625" style="1" customWidth="1"/>
    <col min="16137" max="16137" width="7.44140625" style="1" customWidth="1"/>
    <col min="16138" max="16138" width="9.33203125" style="1" customWidth="1"/>
    <col min="16139" max="16139" width="26.88671875" style="1" customWidth="1"/>
    <col min="16140" max="16384" width="8.88671875" style="1"/>
  </cols>
  <sheetData>
    <row r="1" spans="1:12" ht="26.25" customHeight="1">
      <c r="B1" s="44" t="s">
        <v>79</v>
      </c>
      <c r="C1" s="44"/>
      <c r="D1" s="44"/>
      <c r="E1" s="44"/>
      <c r="F1" s="44"/>
      <c r="G1" s="44"/>
      <c r="H1" s="44"/>
      <c r="I1" s="44"/>
      <c r="J1" s="44"/>
      <c r="K1" s="44"/>
    </row>
    <row r="2" spans="1:12" ht="30" customHeight="1">
      <c r="B2" s="40" t="s">
        <v>58</v>
      </c>
      <c r="C2" s="32">
        <f>+C8+C14+C24+C30+C40+C33+C45+C53</f>
        <v>372408</v>
      </c>
      <c r="D2" s="45" t="s">
        <v>92</v>
      </c>
      <c r="E2" s="45"/>
      <c r="F2" s="46">
        <f>E8+E14+E24+E30+E33+E40+E45+E53</f>
        <v>375429</v>
      </c>
      <c r="G2" s="46"/>
      <c r="H2" s="45" t="s">
        <v>57</v>
      </c>
      <c r="I2" s="45"/>
      <c r="J2" s="39">
        <f>C2-F2</f>
        <v>-3021</v>
      </c>
      <c r="K2" s="32" t="s">
        <v>8</v>
      </c>
    </row>
    <row r="3" spans="1:12" ht="16.2">
      <c r="B3" s="31"/>
      <c r="C3" s="31"/>
      <c r="K3" s="30" t="s">
        <v>56</v>
      </c>
    </row>
    <row r="4" spans="1:12" s="27" customFormat="1" ht="26.25" customHeight="1">
      <c r="A4" s="29" t="s">
        <v>59</v>
      </c>
      <c r="B4" s="28" t="s">
        <v>55</v>
      </c>
      <c r="C4" s="28" t="s">
        <v>54</v>
      </c>
      <c r="D4" s="47" t="s">
        <v>53</v>
      </c>
      <c r="E4" s="48"/>
      <c r="F4" s="48"/>
      <c r="G4" s="48"/>
      <c r="H4" s="48"/>
      <c r="I4" s="48"/>
      <c r="J4" s="48"/>
      <c r="K4" s="49"/>
    </row>
    <row r="5" spans="1:12" ht="6" customHeight="1">
      <c r="B5" s="19"/>
      <c r="C5" s="25"/>
      <c r="D5" s="24"/>
    </row>
    <row r="6" spans="1:12" ht="18" customHeight="1">
      <c r="B6" s="41" t="s">
        <v>52</v>
      </c>
      <c r="C6" s="42"/>
      <c r="D6" s="42"/>
      <c r="E6" s="42"/>
      <c r="F6" s="42"/>
      <c r="G6" s="42"/>
      <c r="H6" s="42"/>
      <c r="I6" s="42"/>
      <c r="J6" s="42"/>
      <c r="K6" s="43"/>
    </row>
    <row r="7" spans="1:12" ht="20.25" customHeight="1">
      <c r="B7" s="53" t="s">
        <v>51</v>
      </c>
      <c r="C7" s="54"/>
      <c r="D7" s="54"/>
      <c r="E7" s="54"/>
      <c r="F7" s="54"/>
      <c r="G7" s="54"/>
      <c r="H7" s="54"/>
      <c r="I7" s="54"/>
      <c r="J7" s="54"/>
      <c r="K7" s="55"/>
    </row>
    <row r="8" spans="1:12" ht="16.5" customHeight="1">
      <c r="B8" s="18"/>
      <c r="C8" s="10">
        <f>SUM(C9:C10)</f>
        <v>20399</v>
      </c>
      <c r="D8" s="17" t="s">
        <v>80</v>
      </c>
      <c r="E8" s="56">
        <v>32124</v>
      </c>
      <c r="F8" s="56"/>
      <c r="G8" s="57" t="s">
        <v>9</v>
      </c>
      <c r="H8" s="57"/>
      <c r="I8" s="9">
        <f>C8-E8</f>
        <v>-11725</v>
      </c>
      <c r="J8" s="16" t="s">
        <v>8</v>
      </c>
      <c r="K8" s="15"/>
    </row>
    <row r="9" spans="1:12" ht="33.75" customHeight="1">
      <c r="A9" s="3">
        <v>2</v>
      </c>
      <c r="B9" s="5" t="s">
        <v>50</v>
      </c>
      <c r="C9" s="14">
        <v>863</v>
      </c>
      <c r="D9" s="58" t="s">
        <v>93</v>
      </c>
      <c r="E9" s="59"/>
      <c r="F9" s="59"/>
      <c r="G9" s="59"/>
      <c r="H9" s="59"/>
      <c r="I9" s="59"/>
      <c r="J9" s="59"/>
      <c r="K9" s="60"/>
      <c r="L9" s="1" t="s">
        <v>47</v>
      </c>
    </row>
    <row r="10" spans="1:12" ht="33.75" customHeight="1">
      <c r="A10" s="3">
        <v>3</v>
      </c>
      <c r="B10" s="5" t="s">
        <v>49</v>
      </c>
      <c r="C10" s="4">
        <v>19536</v>
      </c>
      <c r="D10" s="61" t="s">
        <v>48</v>
      </c>
      <c r="E10" s="62"/>
      <c r="F10" s="62"/>
      <c r="G10" s="62"/>
      <c r="H10" s="62"/>
      <c r="I10" s="62"/>
      <c r="J10" s="62"/>
      <c r="K10" s="63"/>
      <c r="L10" s="1" t="s">
        <v>47</v>
      </c>
    </row>
    <row r="11" spans="1:12" ht="6" customHeight="1">
      <c r="B11" s="26"/>
      <c r="C11" s="25"/>
      <c r="D11" s="24"/>
    </row>
    <row r="12" spans="1:12" ht="18" customHeight="1">
      <c r="B12" s="41" t="s">
        <v>46</v>
      </c>
      <c r="C12" s="42"/>
      <c r="D12" s="42"/>
      <c r="E12" s="42"/>
      <c r="F12" s="42"/>
      <c r="G12" s="42"/>
      <c r="H12" s="42"/>
      <c r="I12" s="42"/>
      <c r="J12" s="42"/>
      <c r="K12" s="43"/>
    </row>
    <row r="13" spans="1:12" ht="20.25" customHeight="1">
      <c r="B13" s="53" t="s">
        <v>45</v>
      </c>
      <c r="C13" s="54"/>
      <c r="D13" s="54"/>
      <c r="E13" s="54"/>
      <c r="F13" s="54"/>
      <c r="G13" s="54"/>
      <c r="H13" s="54"/>
      <c r="I13" s="54"/>
      <c r="J13" s="54"/>
      <c r="K13" s="55"/>
    </row>
    <row r="14" spans="1:12" ht="16.5" customHeight="1">
      <c r="B14" s="18"/>
      <c r="C14" s="10">
        <f>SUM(C15:C20)</f>
        <v>25974</v>
      </c>
      <c r="D14" s="17" t="s">
        <v>80</v>
      </c>
      <c r="E14" s="56">
        <v>19700</v>
      </c>
      <c r="F14" s="56"/>
      <c r="G14" s="57" t="s">
        <v>9</v>
      </c>
      <c r="H14" s="57"/>
      <c r="I14" s="9">
        <f>C14-E14</f>
        <v>6274</v>
      </c>
      <c r="J14" s="16" t="s">
        <v>8</v>
      </c>
      <c r="K14" s="15"/>
    </row>
    <row r="15" spans="1:12" ht="41.25" customHeight="1">
      <c r="A15" s="3">
        <v>5</v>
      </c>
      <c r="B15" s="5" t="s">
        <v>44</v>
      </c>
      <c r="C15" s="14">
        <v>1365</v>
      </c>
      <c r="D15" s="64" t="s">
        <v>43</v>
      </c>
      <c r="E15" s="65"/>
      <c r="F15" s="65"/>
      <c r="G15" s="65"/>
      <c r="H15" s="65"/>
      <c r="I15" s="65"/>
      <c r="J15" s="65"/>
      <c r="K15" s="66"/>
      <c r="L15" s="1" t="s">
        <v>62</v>
      </c>
    </row>
    <row r="16" spans="1:12" ht="41.25" customHeight="1">
      <c r="A16" s="3">
        <v>6</v>
      </c>
      <c r="B16" s="5" t="s">
        <v>42</v>
      </c>
      <c r="C16" s="14">
        <v>12150</v>
      </c>
      <c r="D16" s="58" t="s">
        <v>76</v>
      </c>
      <c r="E16" s="59"/>
      <c r="F16" s="59"/>
      <c r="G16" s="59"/>
      <c r="H16" s="59"/>
      <c r="I16" s="59"/>
      <c r="J16" s="59"/>
      <c r="K16" s="67"/>
      <c r="L16" s="1" t="s">
        <v>62</v>
      </c>
    </row>
    <row r="17" spans="1:12" ht="33.75" customHeight="1">
      <c r="A17" s="3">
        <v>7</v>
      </c>
      <c r="B17" s="5" t="s">
        <v>74</v>
      </c>
      <c r="C17" s="14">
        <v>81</v>
      </c>
      <c r="D17" s="50" t="s">
        <v>71</v>
      </c>
      <c r="E17" s="51"/>
      <c r="F17" s="51"/>
      <c r="G17" s="51"/>
      <c r="H17" s="51"/>
      <c r="I17" s="51"/>
      <c r="J17" s="51"/>
      <c r="K17" s="52"/>
      <c r="L17" s="1" t="s">
        <v>62</v>
      </c>
    </row>
    <row r="18" spans="1:12" ht="61.8" customHeight="1">
      <c r="A18" s="3">
        <v>8</v>
      </c>
      <c r="B18" s="5" t="s">
        <v>81</v>
      </c>
      <c r="C18" s="14">
        <v>9561</v>
      </c>
      <c r="D18" s="58" t="s">
        <v>83</v>
      </c>
      <c r="E18" s="59"/>
      <c r="F18" s="59"/>
      <c r="G18" s="59"/>
      <c r="H18" s="59"/>
      <c r="I18" s="59"/>
      <c r="J18" s="59"/>
      <c r="K18" s="67"/>
      <c r="L18" s="1" t="s">
        <v>30</v>
      </c>
    </row>
    <row r="19" spans="1:12" ht="47.4" customHeight="1">
      <c r="A19" s="3">
        <v>9</v>
      </c>
      <c r="B19" s="5" t="s">
        <v>60</v>
      </c>
      <c r="C19" s="14">
        <v>1726</v>
      </c>
      <c r="D19" s="58" t="s">
        <v>82</v>
      </c>
      <c r="E19" s="59"/>
      <c r="F19" s="59"/>
      <c r="G19" s="59"/>
      <c r="H19" s="59"/>
      <c r="I19" s="59"/>
      <c r="J19" s="59"/>
      <c r="K19" s="67"/>
      <c r="L19" s="1" t="s">
        <v>40</v>
      </c>
    </row>
    <row r="20" spans="1:12" ht="49.5" customHeight="1">
      <c r="A20" s="3">
        <v>10</v>
      </c>
      <c r="B20" s="5" t="s">
        <v>41</v>
      </c>
      <c r="C20" s="14">
        <v>1091</v>
      </c>
      <c r="D20" s="50" t="s">
        <v>77</v>
      </c>
      <c r="E20" s="51"/>
      <c r="F20" s="51"/>
      <c r="G20" s="51"/>
      <c r="H20" s="51"/>
      <c r="I20" s="51"/>
      <c r="J20" s="51"/>
      <c r="K20" s="52"/>
      <c r="L20" s="1" t="s">
        <v>40</v>
      </c>
    </row>
    <row r="21" spans="1:12" ht="6" customHeight="1">
      <c r="B21" s="26"/>
      <c r="C21" s="25"/>
      <c r="D21" s="24"/>
    </row>
    <row r="22" spans="1:12" ht="18" customHeight="1">
      <c r="B22" s="41" t="s">
        <v>39</v>
      </c>
      <c r="C22" s="42"/>
      <c r="D22" s="42"/>
      <c r="E22" s="42"/>
      <c r="F22" s="42"/>
      <c r="G22" s="42"/>
      <c r="H22" s="42"/>
      <c r="I22" s="42"/>
      <c r="J22" s="42"/>
      <c r="K22" s="43"/>
    </row>
    <row r="23" spans="1:12" ht="20.25" customHeight="1">
      <c r="B23" s="53" t="s">
        <v>38</v>
      </c>
      <c r="C23" s="54"/>
      <c r="D23" s="54"/>
      <c r="E23" s="54"/>
      <c r="F23" s="54"/>
      <c r="G23" s="54"/>
      <c r="H23" s="54"/>
      <c r="I23" s="54"/>
      <c r="J23" s="54"/>
      <c r="K23" s="55"/>
    </row>
    <row r="24" spans="1:12" ht="16.5" customHeight="1">
      <c r="B24" s="18"/>
      <c r="C24" s="10">
        <f>SUM(C25:C28)</f>
        <v>20421</v>
      </c>
      <c r="D24" s="17" t="s">
        <v>80</v>
      </c>
      <c r="E24" s="57">
        <v>20046</v>
      </c>
      <c r="F24" s="57"/>
      <c r="G24" s="57" t="s">
        <v>9</v>
      </c>
      <c r="H24" s="57"/>
      <c r="I24" s="9">
        <f>C24-E24</f>
        <v>375</v>
      </c>
      <c r="J24" s="16" t="s">
        <v>8</v>
      </c>
      <c r="K24" s="15"/>
    </row>
    <row r="25" spans="1:12" ht="52.5" customHeight="1">
      <c r="A25" s="3">
        <v>11</v>
      </c>
      <c r="B25" s="5" t="s">
        <v>61</v>
      </c>
      <c r="C25" s="14">
        <v>8829</v>
      </c>
      <c r="D25" s="58" t="s">
        <v>72</v>
      </c>
      <c r="E25" s="59"/>
      <c r="F25" s="59"/>
      <c r="G25" s="59"/>
      <c r="H25" s="59"/>
      <c r="I25" s="59"/>
      <c r="J25" s="59"/>
      <c r="K25" s="67"/>
      <c r="L25" s="1" t="s">
        <v>36</v>
      </c>
    </row>
    <row r="26" spans="1:12" ht="44.25" customHeight="1">
      <c r="A26" s="3">
        <v>12</v>
      </c>
      <c r="B26" s="5" t="s">
        <v>37</v>
      </c>
      <c r="C26" s="14">
        <v>100</v>
      </c>
      <c r="D26" s="58" t="s">
        <v>63</v>
      </c>
      <c r="E26" s="59"/>
      <c r="F26" s="59"/>
      <c r="G26" s="59"/>
      <c r="H26" s="59"/>
      <c r="I26" s="59"/>
      <c r="J26" s="59"/>
      <c r="K26" s="67"/>
      <c r="L26" s="1" t="s">
        <v>36</v>
      </c>
    </row>
    <row r="27" spans="1:12" ht="33.75" customHeight="1">
      <c r="A27" s="3">
        <v>13</v>
      </c>
      <c r="B27" s="5" t="s">
        <v>35</v>
      </c>
      <c r="C27" s="4">
        <v>2593</v>
      </c>
      <c r="D27" s="61" t="s">
        <v>34</v>
      </c>
      <c r="E27" s="62"/>
      <c r="F27" s="62"/>
      <c r="G27" s="62"/>
      <c r="H27" s="62"/>
      <c r="I27" s="62"/>
      <c r="J27" s="62"/>
      <c r="K27" s="63"/>
      <c r="L27" s="12" t="s">
        <v>33</v>
      </c>
    </row>
    <row r="28" spans="1:12" ht="33.75" customHeight="1">
      <c r="A28" s="3">
        <v>14</v>
      </c>
      <c r="B28" s="5" t="s">
        <v>32</v>
      </c>
      <c r="C28" s="4">
        <v>8899</v>
      </c>
      <c r="D28" s="58" t="s">
        <v>31</v>
      </c>
      <c r="E28" s="59"/>
      <c r="F28" s="59"/>
      <c r="G28" s="59"/>
      <c r="H28" s="59"/>
      <c r="I28" s="59"/>
      <c r="J28" s="59"/>
      <c r="K28" s="67"/>
      <c r="L28" s="1" t="s">
        <v>30</v>
      </c>
    </row>
    <row r="29" spans="1:12" ht="20.25" customHeight="1">
      <c r="B29" s="68" t="s">
        <v>29</v>
      </c>
      <c r="C29" s="69"/>
      <c r="D29" s="69"/>
      <c r="E29" s="69"/>
      <c r="F29" s="69"/>
      <c r="G29" s="69"/>
      <c r="H29" s="69"/>
      <c r="I29" s="69"/>
      <c r="J29" s="69"/>
      <c r="K29" s="70"/>
    </row>
    <row r="30" spans="1:12" ht="16.5" customHeight="1">
      <c r="B30" s="18"/>
      <c r="C30" s="10">
        <f>SUM(C31:C31)</f>
        <v>3876</v>
      </c>
      <c r="D30" s="17" t="s">
        <v>80</v>
      </c>
      <c r="E30" s="56">
        <v>3038</v>
      </c>
      <c r="F30" s="56"/>
      <c r="G30" s="57" t="s">
        <v>9</v>
      </c>
      <c r="H30" s="57"/>
      <c r="I30" s="9">
        <f>C30-E30</f>
        <v>838</v>
      </c>
      <c r="J30" s="16" t="s">
        <v>8</v>
      </c>
      <c r="K30" s="15"/>
    </row>
    <row r="31" spans="1:12" ht="33.75" customHeight="1">
      <c r="A31" s="3">
        <v>15</v>
      </c>
      <c r="B31" s="23" t="s">
        <v>28</v>
      </c>
      <c r="C31" s="22">
        <v>3876</v>
      </c>
      <c r="D31" s="58" t="s">
        <v>84</v>
      </c>
      <c r="E31" s="59"/>
      <c r="F31" s="59"/>
      <c r="G31" s="59"/>
      <c r="H31" s="59"/>
      <c r="I31" s="59"/>
      <c r="J31" s="59"/>
      <c r="K31" s="67"/>
      <c r="L31" s="1" t="s">
        <v>0</v>
      </c>
    </row>
    <row r="32" spans="1:12" ht="20.25" customHeight="1">
      <c r="B32" s="68" t="s">
        <v>27</v>
      </c>
      <c r="C32" s="69"/>
      <c r="D32" s="69"/>
      <c r="E32" s="69"/>
      <c r="F32" s="69"/>
      <c r="G32" s="69"/>
      <c r="H32" s="69"/>
      <c r="I32" s="69"/>
      <c r="J32" s="69"/>
      <c r="K32" s="70"/>
    </row>
    <row r="33" spans="1:12" ht="16.5" customHeight="1">
      <c r="B33" s="18"/>
      <c r="C33" s="10">
        <f>SUM(C34:C36)</f>
        <v>11492</v>
      </c>
      <c r="D33" s="17" t="s">
        <v>80</v>
      </c>
      <c r="E33" s="56">
        <v>5858</v>
      </c>
      <c r="F33" s="56"/>
      <c r="G33" s="57" t="s">
        <v>9</v>
      </c>
      <c r="H33" s="57"/>
      <c r="I33" s="9">
        <f>C33-E33</f>
        <v>5634</v>
      </c>
      <c r="J33" s="16" t="s">
        <v>8</v>
      </c>
      <c r="K33" s="15"/>
    </row>
    <row r="34" spans="1:12" ht="33.75" customHeight="1">
      <c r="A34" s="3">
        <v>16</v>
      </c>
      <c r="B34" s="5" t="s">
        <v>26</v>
      </c>
      <c r="C34" s="4">
        <v>9486</v>
      </c>
      <c r="D34" s="61" t="s">
        <v>85</v>
      </c>
      <c r="E34" s="62"/>
      <c r="F34" s="62"/>
      <c r="G34" s="62"/>
      <c r="H34" s="62"/>
      <c r="I34" s="62"/>
      <c r="J34" s="62"/>
      <c r="K34" s="63"/>
      <c r="L34" s="1" t="s">
        <v>0</v>
      </c>
    </row>
    <row r="35" spans="1:12" ht="33.75" customHeight="1">
      <c r="A35" s="3">
        <v>17</v>
      </c>
      <c r="B35" s="5" t="s">
        <v>25</v>
      </c>
      <c r="C35" s="4">
        <v>2001</v>
      </c>
      <c r="D35" s="64" t="s">
        <v>94</v>
      </c>
      <c r="E35" s="65"/>
      <c r="F35" s="65"/>
      <c r="G35" s="65"/>
      <c r="H35" s="65"/>
      <c r="I35" s="65"/>
      <c r="J35" s="65"/>
      <c r="K35" s="71"/>
      <c r="L35" s="1" t="s">
        <v>0</v>
      </c>
    </row>
    <row r="36" spans="1:12" ht="33.75" customHeight="1">
      <c r="A36" s="3">
        <v>18</v>
      </c>
      <c r="B36" s="5" t="s">
        <v>24</v>
      </c>
      <c r="C36" s="37">
        <v>5</v>
      </c>
      <c r="D36" s="58" t="s">
        <v>86</v>
      </c>
      <c r="E36" s="59"/>
      <c r="F36" s="59"/>
      <c r="G36" s="59"/>
      <c r="H36" s="59"/>
      <c r="I36" s="59"/>
      <c r="J36" s="59"/>
      <c r="K36" s="67"/>
      <c r="L36" s="1" t="s">
        <v>0</v>
      </c>
    </row>
    <row r="37" spans="1:12" ht="6" customHeight="1">
      <c r="B37" s="19"/>
      <c r="C37" s="21"/>
      <c r="D37" s="20"/>
    </row>
    <row r="38" spans="1:12" ht="18" customHeight="1">
      <c r="B38" s="41" t="s">
        <v>23</v>
      </c>
      <c r="C38" s="42"/>
      <c r="D38" s="42"/>
      <c r="E38" s="42"/>
      <c r="F38" s="42"/>
      <c r="G38" s="42"/>
      <c r="H38" s="42"/>
      <c r="I38" s="42"/>
      <c r="J38" s="42"/>
      <c r="K38" s="43"/>
    </row>
    <row r="39" spans="1:12" ht="20.25" customHeight="1">
      <c r="B39" s="53" t="s">
        <v>22</v>
      </c>
      <c r="C39" s="54"/>
      <c r="D39" s="54"/>
      <c r="E39" s="54"/>
      <c r="F39" s="54"/>
      <c r="G39" s="54"/>
      <c r="H39" s="54"/>
      <c r="I39" s="54"/>
      <c r="J39" s="54"/>
      <c r="K39" s="55"/>
    </row>
    <row r="40" spans="1:12" ht="16.5" customHeight="1">
      <c r="B40" s="18"/>
      <c r="C40" s="10">
        <f>SUM(C41:C41)</f>
        <v>2137</v>
      </c>
      <c r="D40" s="17" t="s">
        <v>80</v>
      </c>
      <c r="E40" s="56">
        <v>9744</v>
      </c>
      <c r="F40" s="56"/>
      <c r="G40" s="57" t="s">
        <v>9</v>
      </c>
      <c r="H40" s="57"/>
      <c r="I40" s="9">
        <f>C40-E40</f>
        <v>-7607</v>
      </c>
      <c r="J40" s="16" t="s">
        <v>8</v>
      </c>
      <c r="K40" s="15"/>
    </row>
    <row r="41" spans="1:12" ht="48.6" customHeight="1">
      <c r="A41" s="3">
        <v>19</v>
      </c>
      <c r="B41" s="5" t="s">
        <v>21</v>
      </c>
      <c r="C41" s="4">
        <v>2137</v>
      </c>
      <c r="D41" s="61" t="s">
        <v>87</v>
      </c>
      <c r="E41" s="62"/>
      <c r="F41" s="62"/>
      <c r="G41" s="62"/>
      <c r="H41" s="62"/>
      <c r="I41" s="62"/>
      <c r="J41" s="62"/>
      <c r="K41" s="63"/>
      <c r="L41" s="1" t="s">
        <v>11</v>
      </c>
    </row>
    <row r="42" spans="1:12" ht="6" customHeight="1">
      <c r="B42" s="33"/>
      <c r="C42" s="34"/>
      <c r="D42" s="35"/>
      <c r="E42" s="36"/>
      <c r="F42" s="36"/>
      <c r="G42" s="36"/>
      <c r="H42" s="36"/>
      <c r="I42" s="36"/>
      <c r="J42" s="36"/>
      <c r="K42" s="36"/>
    </row>
    <row r="43" spans="1:12" ht="18" customHeight="1">
      <c r="B43" s="72" t="s">
        <v>20</v>
      </c>
      <c r="C43" s="73"/>
      <c r="D43" s="73"/>
      <c r="E43" s="73"/>
      <c r="F43" s="73"/>
      <c r="G43" s="73"/>
      <c r="H43" s="73"/>
      <c r="I43" s="73"/>
      <c r="J43" s="73"/>
      <c r="K43" s="74"/>
    </row>
    <row r="44" spans="1:12" ht="20.25" customHeight="1">
      <c r="B44" s="53" t="s">
        <v>19</v>
      </c>
      <c r="C44" s="54"/>
      <c r="D44" s="54"/>
      <c r="E44" s="54"/>
      <c r="F44" s="54"/>
      <c r="G44" s="54"/>
      <c r="H44" s="54"/>
      <c r="I44" s="54"/>
      <c r="J44" s="54"/>
      <c r="K44" s="55"/>
    </row>
    <row r="45" spans="1:12" ht="19.5" customHeight="1">
      <c r="B45" s="18"/>
      <c r="C45" s="10">
        <f>SUM(C46:C51)</f>
        <v>47994</v>
      </c>
      <c r="D45" s="17" t="s">
        <v>80</v>
      </c>
      <c r="E45" s="56">
        <v>46964</v>
      </c>
      <c r="F45" s="56"/>
      <c r="G45" s="57" t="s">
        <v>9</v>
      </c>
      <c r="H45" s="57"/>
      <c r="I45" s="9">
        <f>C45-E45</f>
        <v>1030</v>
      </c>
      <c r="J45" s="16" t="s">
        <v>8</v>
      </c>
      <c r="K45" s="15"/>
    </row>
    <row r="46" spans="1:12" ht="41.25" customHeight="1">
      <c r="A46" s="3">
        <v>22</v>
      </c>
      <c r="B46" s="5" t="s">
        <v>18</v>
      </c>
      <c r="C46" s="14">
        <v>18520</v>
      </c>
      <c r="D46" s="58" t="s">
        <v>64</v>
      </c>
      <c r="E46" s="59"/>
      <c r="F46" s="59"/>
      <c r="G46" s="59"/>
      <c r="H46" s="59"/>
      <c r="I46" s="59"/>
      <c r="J46" s="59"/>
      <c r="K46" s="67"/>
      <c r="L46" s="1" t="s">
        <v>0</v>
      </c>
    </row>
    <row r="47" spans="1:12" ht="41.25" customHeight="1">
      <c r="A47" s="3">
        <v>23</v>
      </c>
      <c r="B47" s="5" t="s">
        <v>17</v>
      </c>
      <c r="C47" s="4">
        <v>14043</v>
      </c>
      <c r="D47" s="61" t="s">
        <v>16</v>
      </c>
      <c r="E47" s="62"/>
      <c r="F47" s="62"/>
      <c r="G47" s="62"/>
      <c r="H47" s="62"/>
      <c r="I47" s="62"/>
      <c r="J47" s="62"/>
      <c r="K47" s="63"/>
      <c r="L47" s="1" t="s">
        <v>0</v>
      </c>
    </row>
    <row r="48" spans="1:12" ht="33.75" customHeight="1">
      <c r="A48" s="3">
        <v>24</v>
      </c>
      <c r="B48" s="5" t="s">
        <v>15</v>
      </c>
      <c r="C48" s="13">
        <v>10778</v>
      </c>
      <c r="D48" s="58" t="s">
        <v>65</v>
      </c>
      <c r="E48" s="59"/>
      <c r="F48" s="59"/>
      <c r="G48" s="59"/>
      <c r="H48" s="59"/>
      <c r="I48" s="59"/>
      <c r="J48" s="59"/>
      <c r="K48" s="67"/>
      <c r="L48" s="12" t="s">
        <v>0</v>
      </c>
    </row>
    <row r="49" spans="1:12" ht="33.75" customHeight="1">
      <c r="A49" s="3">
        <v>26</v>
      </c>
      <c r="B49" s="5" t="s">
        <v>14</v>
      </c>
      <c r="C49" s="4">
        <v>2074</v>
      </c>
      <c r="D49" s="58" t="s">
        <v>66</v>
      </c>
      <c r="E49" s="59"/>
      <c r="F49" s="59"/>
      <c r="G49" s="59"/>
      <c r="H49" s="59"/>
      <c r="I49" s="59"/>
      <c r="J49" s="59"/>
      <c r="K49" s="67"/>
      <c r="L49" s="1" t="s">
        <v>0</v>
      </c>
    </row>
    <row r="50" spans="1:12" ht="41.25" customHeight="1">
      <c r="A50" s="3">
        <v>27</v>
      </c>
      <c r="B50" s="5" t="s">
        <v>13</v>
      </c>
      <c r="C50" s="4">
        <v>971</v>
      </c>
      <c r="D50" s="58" t="s">
        <v>67</v>
      </c>
      <c r="E50" s="59"/>
      <c r="F50" s="59"/>
      <c r="G50" s="59"/>
      <c r="H50" s="59"/>
      <c r="I50" s="59"/>
      <c r="J50" s="59"/>
      <c r="K50" s="67"/>
      <c r="L50" s="1" t="s">
        <v>11</v>
      </c>
    </row>
    <row r="51" spans="1:12" ht="41.25" customHeight="1">
      <c r="A51" s="3">
        <v>28</v>
      </c>
      <c r="B51" s="5" t="s">
        <v>12</v>
      </c>
      <c r="C51" s="4">
        <v>1608</v>
      </c>
      <c r="D51" s="58" t="s">
        <v>78</v>
      </c>
      <c r="E51" s="59"/>
      <c r="F51" s="59"/>
      <c r="G51" s="59"/>
      <c r="H51" s="59"/>
      <c r="I51" s="59"/>
      <c r="J51" s="59"/>
      <c r="K51" s="67"/>
      <c r="L51" s="1" t="s">
        <v>11</v>
      </c>
    </row>
    <row r="52" spans="1:12" ht="20.25" customHeight="1">
      <c r="B52" s="75" t="s">
        <v>10</v>
      </c>
      <c r="C52" s="76"/>
      <c r="D52" s="76"/>
      <c r="E52" s="76"/>
      <c r="F52" s="76"/>
      <c r="G52" s="76"/>
      <c r="H52" s="76"/>
      <c r="I52" s="76"/>
      <c r="J52" s="76"/>
      <c r="K52" s="76"/>
    </row>
    <row r="53" spans="1:12" ht="16.5" customHeight="1">
      <c r="B53" s="11"/>
      <c r="C53" s="10">
        <f>SUM(C54:C60)</f>
        <v>240115</v>
      </c>
      <c r="D53" s="17" t="s">
        <v>80</v>
      </c>
      <c r="E53" s="56">
        <v>237955</v>
      </c>
      <c r="F53" s="56"/>
      <c r="G53" s="57" t="s">
        <v>9</v>
      </c>
      <c r="H53" s="57"/>
      <c r="I53" s="9">
        <f>C53-E53</f>
        <v>2160</v>
      </c>
      <c r="J53" s="8" t="s">
        <v>8</v>
      </c>
      <c r="K53" s="7"/>
    </row>
    <row r="54" spans="1:12" ht="33.75" customHeight="1">
      <c r="A54" s="3">
        <v>29</v>
      </c>
      <c r="B54" s="5" t="s">
        <v>7</v>
      </c>
      <c r="C54" s="4">
        <v>56977</v>
      </c>
      <c r="D54" s="58" t="s">
        <v>88</v>
      </c>
      <c r="E54" s="59"/>
      <c r="F54" s="59"/>
      <c r="G54" s="59"/>
      <c r="H54" s="59"/>
      <c r="I54" s="59"/>
      <c r="J54" s="59"/>
      <c r="K54" s="67"/>
      <c r="L54" s="1" t="s">
        <v>5</v>
      </c>
    </row>
    <row r="55" spans="1:12" ht="41.25" customHeight="1">
      <c r="A55" s="3">
        <v>30</v>
      </c>
      <c r="B55" s="6" t="s">
        <v>6</v>
      </c>
      <c r="C55" s="4">
        <v>53729</v>
      </c>
      <c r="D55" s="58" t="s">
        <v>89</v>
      </c>
      <c r="E55" s="59"/>
      <c r="F55" s="59"/>
      <c r="G55" s="59"/>
      <c r="H55" s="59"/>
      <c r="I55" s="59"/>
      <c r="J55" s="59"/>
      <c r="K55" s="67"/>
      <c r="L55" s="1" t="s">
        <v>5</v>
      </c>
    </row>
    <row r="56" spans="1:12" ht="41.25" customHeight="1">
      <c r="A56" s="3">
        <v>31</v>
      </c>
      <c r="B56" s="38" t="s">
        <v>75</v>
      </c>
      <c r="C56" s="4">
        <v>2523</v>
      </c>
      <c r="D56" s="77" t="s">
        <v>90</v>
      </c>
      <c r="E56" s="78"/>
      <c r="F56" s="78"/>
      <c r="G56" s="78"/>
      <c r="H56" s="78"/>
      <c r="I56" s="78"/>
      <c r="J56" s="78"/>
      <c r="K56" s="79"/>
      <c r="L56" s="1" t="s">
        <v>5</v>
      </c>
    </row>
    <row r="57" spans="1:12" ht="33.75" customHeight="1">
      <c r="A57" s="3">
        <v>32</v>
      </c>
      <c r="B57" s="5" t="s">
        <v>68</v>
      </c>
      <c r="C57" s="4">
        <v>88529</v>
      </c>
      <c r="D57" s="61" t="s">
        <v>73</v>
      </c>
      <c r="E57" s="62"/>
      <c r="F57" s="62"/>
      <c r="G57" s="62"/>
      <c r="H57" s="62"/>
      <c r="I57" s="62"/>
      <c r="J57" s="62"/>
      <c r="K57" s="63"/>
      <c r="L57" s="1" t="s">
        <v>69</v>
      </c>
    </row>
    <row r="58" spans="1:12" ht="40.5" customHeight="1">
      <c r="A58" s="3">
        <v>33</v>
      </c>
      <c r="B58" s="5" t="s">
        <v>70</v>
      </c>
      <c r="C58" s="4">
        <v>7680</v>
      </c>
      <c r="D58" s="61" t="s">
        <v>91</v>
      </c>
      <c r="E58" s="62"/>
      <c r="F58" s="62"/>
      <c r="G58" s="62"/>
      <c r="H58" s="62"/>
      <c r="I58" s="62"/>
      <c r="J58" s="62"/>
      <c r="K58" s="63"/>
      <c r="L58" s="1" t="s">
        <v>69</v>
      </c>
    </row>
    <row r="59" spans="1:12" ht="33.75" customHeight="1">
      <c r="A59" s="3">
        <v>34</v>
      </c>
      <c r="B59" s="5" t="s">
        <v>4</v>
      </c>
      <c r="C59" s="4">
        <v>30632</v>
      </c>
      <c r="D59" s="64" t="s">
        <v>3</v>
      </c>
      <c r="E59" s="65"/>
      <c r="F59" s="65"/>
      <c r="G59" s="65"/>
      <c r="H59" s="65"/>
      <c r="I59" s="65"/>
      <c r="J59" s="65"/>
      <c r="K59" s="66"/>
      <c r="L59" s="1" t="s">
        <v>0</v>
      </c>
    </row>
    <row r="60" spans="1:12" ht="33.75" customHeight="1">
      <c r="A60" s="3">
        <v>35</v>
      </c>
      <c r="B60" s="5" t="s">
        <v>2</v>
      </c>
      <c r="C60" s="4">
        <v>45</v>
      </c>
      <c r="D60" s="64" t="s">
        <v>1</v>
      </c>
      <c r="E60" s="65"/>
      <c r="F60" s="65"/>
      <c r="G60" s="65"/>
      <c r="H60" s="65"/>
      <c r="I60" s="65"/>
      <c r="J60" s="65"/>
      <c r="K60" s="66"/>
      <c r="L60" s="1" t="s">
        <v>0</v>
      </c>
    </row>
  </sheetData>
  <mergeCells count="64">
    <mergeCell ref="D60:K60"/>
    <mergeCell ref="D54:K54"/>
    <mergeCell ref="D55:K55"/>
    <mergeCell ref="D56:K56"/>
    <mergeCell ref="D57:K57"/>
    <mergeCell ref="D58:K58"/>
    <mergeCell ref="D59:K59"/>
    <mergeCell ref="E53:F53"/>
    <mergeCell ref="G53:H53"/>
    <mergeCell ref="B43:K43"/>
    <mergeCell ref="B44:K44"/>
    <mergeCell ref="E45:F45"/>
    <mergeCell ref="G45:H45"/>
    <mergeCell ref="D46:K46"/>
    <mergeCell ref="D47:K47"/>
    <mergeCell ref="D48:K48"/>
    <mergeCell ref="D49:K49"/>
    <mergeCell ref="D50:K50"/>
    <mergeCell ref="D51:K51"/>
    <mergeCell ref="B52:K52"/>
    <mergeCell ref="D41:K41"/>
    <mergeCell ref="D31:K31"/>
    <mergeCell ref="B32:K32"/>
    <mergeCell ref="E33:F33"/>
    <mergeCell ref="G33:H33"/>
    <mergeCell ref="D34:K34"/>
    <mergeCell ref="D35:K35"/>
    <mergeCell ref="D36:K36"/>
    <mergeCell ref="B38:K38"/>
    <mergeCell ref="B39:K39"/>
    <mergeCell ref="E40:F40"/>
    <mergeCell ref="G40:H40"/>
    <mergeCell ref="E30:F30"/>
    <mergeCell ref="G30:H30"/>
    <mergeCell ref="D18:K18"/>
    <mergeCell ref="D19:K19"/>
    <mergeCell ref="D20:K20"/>
    <mergeCell ref="B22:K22"/>
    <mergeCell ref="B23:K23"/>
    <mergeCell ref="E24:F24"/>
    <mergeCell ref="G24:H24"/>
    <mergeCell ref="D25:K25"/>
    <mergeCell ref="D26:K26"/>
    <mergeCell ref="D27:K27"/>
    <mergeCell ref="D28:K28"/>
    <mergeCell ref="B29:K29"/>
    <mergeCell ref="D17:K17"/>
    <mergeCell ref="B7:K7"/>
    <mergeCell ref="E8:F8"/>
    <mergeCell ref="G8:H8"/>
    <mergeCell ref="D9:K9"/>
    <mergeCell ref="D10:K10"/>
    <mergeCell ref="B12:K12"/>
    <mergeCell ref="B13:K13"/>
    <mergeCell ref="E14:F14"/>
    <mergeCell ref="G14:H14"/>
    <mergeCell ref="D15:K15"/>
    <mergeCell ref="D16:K16"/>
    <mergeCell ref="B6:K6"/>
    <mergeCell ref="B1:K1"/>
    <mergeCell ref="D2:E2"/>
    <mergeCell ref="F2:G2"/>
    <mergeCell ref="H2:I2"/>
    <mergeCell ref="D4:K4"/>
  </mergeCells>
  <phoneticPr fontId="3"/>
  <printOptions horizontalCentered="1"/>
  <pageMargins left="0" right="0" top="0.78740157480314965" bottom="0.59055118110236227" header="0.51181102362204722" footer="0.35433070866141736"/>
  <pageSetup paperSize="8" scale="97" fitToHeight="2" orientation="portrait" horizontalDpi="300" verticalDpi="300" r:id="rId1"/>
  <headerFooter>
    <oddFooter>&amp;C&amp;P</oddFooter>
  </headerFooter>
  <rowBreaks count="1" manualBreakCount="1">
    <brk id="41" min="1" max="10"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予算概要（プレス用）</vt:lpstr>
      <vt:lpstr>'予算概要（プレス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葛和　將貴</dc:creator>
  <cp:lastModifiedBy>前田　勝弘 / MAEDA Katsuhiro</cp:lastModifiedBy>
  <cp:lastPrinted>2026-02-09T08:25:07Z</cp:lastPrinted>
  <dcterms:created xsi:type="dcterms:W3CDTF">2022-01-28T05:46:18Z</dcterms:created>
  <dcterms:modified xsi:type="dcterms:W3CDTF">2026-02-10T11:00:02Z</dcterms:modified>
</cp:coreProperties>
</file>